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kfs01\s1385\group\g1385002\13 統計\02 事業状況\２８年度作成分\28HP原稿\Ⅱ統計\３　給付状況\ＸＬＳ\"/>
    </mc:Choice>
  </mc:AlternateContent>
  <bookViews>
    <workbookView xWindow="0" yWindow="0" windowWidth="20490" windowHeight="7185"/>
  </bookViews>
  <sheets>
    <sheet name="第16表１～４" sheetId="1" r:id="rId1"/>
  </sheets>
  <definedNames>
    <definedName name="_Key1" hidden="1">#REF!</definedName>
    <definedName name="_Order1" hidden="1">0</definedName>
    <definedName name="\b">#REF!</definedName>
    <definedName name="_xlnm.Print_Area" localSheetId="0">'第16表１～４'!$A$1:$BJ$49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668" uniqueCount="101">
  <si>
    <t>第１６表 保険給付状況(退職被保険者等分 再掲)－１</t>
    <rPh sb="18" eb="19">
      <t>トウ</t>
    </rPh>
    <phoneticPr fontId="0"/>
  </si>
  <si>
    <t>（単位：円）</t>
  </si>
  <si>
    <t>第１６表　保険給付状況(退職被保険者等分 再掲)－２</t>
    <rPh sb="18" eb="19">
      <t>トウ</t>
    </rPh>
    <phoneticPr fontId="0"/>
  </si>
  <si>
    <t>第１６表　保険給付状況(退職被保険者等分 再掲)－３</t>
    <rPh sb="18" eb="19">
      <t>トウ</t>
    </rPh>
    <phoneticPr fontId="0"/>
  </si>
  <si>
    <t>第１７表　保険給付状況(退職被保険者等分 再掲)－４</t>
    <rPh sb="18" eb="19">
      <t>トウ</t>
    </rPh>
    <phoneticPr fontId="0"/>
  </si>
  <si>
    <t>第１６表　保険給付状況(退職被保険者等分 再掲)－４</t>
    <rPh sb="18" eb="19">
      <t>トウ</t>
    </rPh>
    <phoneticPr fontId="0"/>
  </si>
  <si>
    <t>保険者名</t>
  </si>
  <si>
    <t>療　　　養　　　の　　　給　　　付　　　等</t>
    <phoneticPr fontId="0"/>
  </si>
  <si>
    <t>療　　養　　の　　給　　付　　等</t>
    <rPh sb="0" eb="1">
      <t>リョウ</t>
    </rPh>
    <rPh sb="3" eb="4">
      <t>オサム</t>
    </rPh>
    <rPh sb="9" eb="10">
      <t>キュウ</t>
    </rPh>
    <rPh sb="12" eb="13">
      <t>ヅケ</t>
    </rPh>
    <rPh sb="15" eb="16">
      <t>トウ</t>
    </rPh>
    <phoneticPr fontId="0"/>
  </si>
  <si>
    <t>療         養         費         等</t>
    <phoneticPr fontId="0"/>
  </si>
  <si>
    <t>療　　　養　　　費　　　等</t>
    <rPh sb="0" eb="1">
      <t>リョウ</t>
    </rPh>
    <rPh sb="4" eb="5">
      <t>オサム</t>
    </rPh>
    <rPh sb="8" eb="9">
      <t>ヒ</t>
    </rPh>
    <rPh sb="12" eb="13">
      <t>トウ</t>
    </rPh>
    <phoneticPr fontId="0"/>
  </si>
  <si>
    <t>療   養   諸   費   計   (Ａ）
＜療養の給付等＋療養費＞</t>
    <rPh sb="25" eb="27">
      <t>リョウヨウ</t>
    </rPh>
    <rPh sb="28" eb="30">
      <t>キュウフ</t>
    </rPh>
    <rPh sb="30" eb="31">
      <t>トウ</t>
    </rPh>
    <rPh sb="32" eb="35">
      <t>リョウヨウヒ</t>
    </rPh>
    <phoneticPr fontId="0"/>
  </si>
  <si>
    <t>療    養    諸    費    費    用    額    負    担    区    分</t>
    <phoneticPr fontId="0"/>
  </si>
  <si>
    <t>保険者名</t>
    <rPh sb="0" eb="3">
      <t>ホケンシャ</t>
    </rPh>
    <rPh sb="3" eb="4">
      <t>メイ</t>
    </rPh>
    <phoneticPr fontId="0"/>
  </si>
  <si>
    <t>診      　　　療　　　      費</t>
  </si>
  <si>
    <t>調剤</t>
    <rPh sb="0" eb="1">
      <t>チョウ</t>
    </rPh>
    <rPh sb="1" eb="2">
      <t>ザイ</t>
    </rPh>
    <phoneticPr fontId="0"/>
  </si>
  <si>
    <t>食事療養・生活療養</t>
    <rPh sb="5" eb="7">
      <t>セイカツ</t>
    </rPh>
    <rPh sb="7" eb="9">
      <t>リョウヨウ</t>
    </rPh>
    <phoneticPr fontId="0"/>
  </si>
  <si>
    <t>訪問看護</t>
    <phoneticPr fontId="0"/>
  </si>
  <si>
    <t>合計</t>
    <phoneticPr fontId="0"/>
  </si>
  <si>
    <t>食事療養
生活療養
件　　数</t>
    <rPh sb="2" eb="4">
      <t>リョウヨウ</t>
    </rPh>
    <rPh sb="5" eb="7">
      <t>セイカツ</t>
    </rPh>
    <rPh sb="7" eb="9">
      <t>リョウヨウ</t>
    </rPh>
    <rPh sb="10" eb="11">
      <t>ケン</t>
    </rPh>
    <rPh sb="13" eb="14">
      <t>カズ</t>
    </rPh>
    <phoneticPr fontId="0"/>
  </si>
  <si>
    <t>療　　　　養　　　　費</t>
  </si>
  <si>
    <t>療　　養　　費</t>
    <rPh sb="0" eb="1">
      <t>リョウ</t>
    </rPh>
    <rPh sb="3" eb="4">
      <t>オサム</t>
    </rPh>
    <rPh sb="6" eb="7">
      <t>ヒ</t>
    </rPh>
    <phoneticPr fontId="0"/>
  </si>
  <si>
    <t>移送費</t>
    <phoneticPr fontId="0"/>
  </si>
  <si>
    <t>高 額 療 養 費(再掲)</t>
  </si>
  <si>
    <t>高額介護合算療養費(再掲)</t>
    <rPh sb="0" eb="2">
      <t>コウガク</t>
    </rPh>
    <rPh sb="2" eb="4">
      <t>カイゴ</t>
    </rPh>
    <rPh sb="4" eb="6">
      <t>ガッサン</t>
    </rPh>
    <rPh sb="6" eb="9">
      <t>リョウヨウヒ</t>
    </rPh>
    <phoneticPr fontId="0"/>
  </si>
  <si>
    <t>入院</t>
    <phoneticPr fontId="0"/>
  </si>
  <si>
    <t>入院外</t>
    <phoneticPr fontId="0"/>
  </si>
  <si>
    <t>歯科</t>
    <phoneticPr fontId="0"/>
  </si>
  <si>
    <t>小　　　　計</t>
  </si>
  <si>
    <t>診療費</t>
    <phoneticPr fontId="0"/>
  </si>
  <si>
    <t>補　　装　　具　</t>
    <rPh sb="0" eb="1">
      <t>タスク</t>
    </rPh>
    <rPh sb="3" eb="4">
      <t>ソウ</t>
    </rPh>
    <rPh sb="6" eb="7">
      <t>グ</t>
    </rPh>
    <phoneticPr fontId="0"/>
  </si>
  <si>
    <t>柔　道　整　復　師</t>
    <rPh sb="0" eb="1">
      <t>ジュウ</t>
    </rPh>
    <rPh sb="2" eb="3">
      <t>ミチ</t>
    </rPh>
    <rPh sb="4" eb="5">
      <t>タダシ</t>
    </rPh>
    <rPh sb="6" eb="7">
      <t>マタ</t>
    </rPh>
    <rPh sb="8" eb="9">
      <t>シ</t>
    </rPh>
    <phoneticPr fontId="0"/>
  </si>
  <si>
    <t>アンマ・マッサージ</t>
    <phoneticPr fontId="0"/>
  </si>
  <si>
    <t>ハリ・キュウ</t>
    <phoneticPr fontId="0"/>
  </si>
  <si>
    <t>その他</t>
    <phoneticPr fontId="0"/>
  </si>
  <si>
    <t>小計</t>
    <phoneticPr fontId="0"/>
  </si>
  <si>
    <t>海外療養費（再掲）</t>
    <rPh sb="0" eb="2">
      <t>カイガイ</t>
    </rPh>
    <rPh sb="2" eb="5">
      <t>リョウヨウヒ</t>
    </rPh>
    <rPh sb="6" eb="7">
      <t>サイ</t>
    </rPh>
    <rPh sb="7" eb="8">
      <t>ケイ</t>
    </rPh>
    <phoneticPr fontId="0"/>
  </si>
  <si>
    <t>保険者負担分</t>
  </si>
  <si>
    <t>一部負担金</t>
    <rPh sb="0" eb="2">
      <t>イチブ</t>
    </rPh>
    <rPh sb="2" eb="5">
      <t>フタンキン</t>
    </rPh>
    <phoneticPr fontId="0"/>
  </si>
  <si>
    <t>他 法 負 担 分</t>
  </si>
  <si>
    <t>件数</t>
    <phoneticPr fontId="0"/>
  </si>
  <si>
    <t>日数</t>
    <phoneticPr fontId="0"/>
  </si>
  <si>
    <t>費用額 (円)</t>
    <phoneticPr fontId="0"/>
  </si>
  <si>
    <t>処方箋枚数</t>
  </si>
  <si>
    <t>費用額(円）</t>
  </si>
  <si>
    <t>件数</t>
    <rPh sb="0" eb="2">
      <t>ケンスウ</t>
    </rPh>
    <phoneticPr fontId="0"/>
  </si>
  <si>
    <t>費用額（円）</t>
    <rPh sb="0" eb="2">
      <t>ヒヨウ</t>
    </rPh>
    <rPh sb="2" eb="3">
      <t>ガク</t>
    </rPh>
    <rPh sb="4" eb="5">
      <t>エン</t>
    </rPh>
    <phoneticPr fontId="0"/>
  </si>
  <si>
    <t>費　用　額</t>
  </si>
  <si>
    <t xml:space="preserve"> 横浜市</t>
  </si>
  <si>
    <t>横浜市</t>
  </si>
  <si>
    <t xml:space="preserve"> 川崎市</t>
  </si>
  <si>
    <t xml:space="preserve"> 横須賀市</t>
  </si>
  <si>
    <t xml:space="preserve"> 平塚市</t>
  </si>
  <si>
    <t xml:space="preserve"> 鎌倉市</t>
  </si>
  <si>
    <t xml:space="preserve"> 藤沢市</t>
  </si>
  <si>
    <t xml:space="preserve"> 小田原市</t>
  </si>
  <si>
    <t xml:space="preserve"> 茅ヶ崎市</t>
  </si>
  <si>
    <t xml:space="preserve"> 逗子市</t>
  </si>
  <si>
    <t xml:space="preserve"> 相模原市</t>
  </si>
  <si>
    <t xml:space="preserve"> 三浦市</t>
  </si>
  <si>
    <t xml:space="preserve"> 秦野市</t>
  </si>
  <si>
    <t xml:space="preserve"> 厚木市</t>
  </si>
  <si>
    <t xml:space="preserve"> 大和市</t>
  </si>
  <si>
    <t xml:space="preserve"> 伊勢原市</t>
  </si>
  <si>
    <t xml:space="preserve"> 海老名市</t>
  </si>
  <si>
    <t xml:space="preserve"> 座間市</t>
  </si>
  <si>
    <t xml:space="preserve"> 南足柄市</t>
  </si>
  <si>
    <t xml:space="preserve"> 綾瀬市</t>
  </si>
  <si>
    <t xml:space="preserve"> 葉山町</t>
  </si>
  <si>
    <t xml:space="preserve"> 寒川町</t>
  </si>
  <si>
    <t xml:space="preserve"> 大磯町</t>
  </si>
  <si>
    <t xml:space="preserve"> 二宮町</t>
  </si>
  <si>
    <t xml:space="preserve"> 中井町</t>
  </si>
  <si>
    <t xml:space="preserve"> 大井町</t>
  </si>
  <si>
    <t xml:space="preserve"> 松田町</t>
  </si>
  <si>
    <t xml:space="preserve"> 山北町</t>
  </si>
  <si>
    <t xml:space="preserve"> 開成町</t>
  </si>
  <si>
    <t xml:space="preserve"> 箱根町</t>
  </si>
  <si>
    <t xml:space="preserve"> 真鶴町</t>
  </si>
  <si>
    <t xml:space="preserve"> 湯河原町</t>
  </si>
  <si>
    <t xml:space="preserve"> 愛川町</t>
  </si>
  <si>
    <t xml:space="preserve"> 清川村</t>
  </si>
  <si>
    <t>市町村計</t>
  </si>
  <si>
    <t xml:space="preserve"> 医　師</t>
    <phoneticPr fontId="0"/>
  </si>
  <si>
    <t>－</t>
    <phoneticPr fontId="0"/>
  </si>
  <si>
    <t>－</t>
    <phoneticPr fontId="0"/>
  </si>
  <si>
    <t>－</t>
  </si>
  <si>
    <t xml:space="preserve"> 医　師</t>
    <phoneticPr fontId="0"/>
  </si>
  <si>
    <t xml:space="preserve"> 歯科医師</t>
    <phoneticPr fontId="0"/>
  </si>
  <si>
    <t xml:space="preserve"> 歯科医師</t>
    <phoneticPr fontId="0"/>
  </si>
  <si>
    <t xml:space="preserve"> 食品衛生</t>
    <phoneticPr fontId="0"/>
  </si>
  <si>
    <t xml:space="preserve"> 食品衛生</t>
    <phoneticPr fontId="0"/>
  </si>
  <si>
    <t xml:space="preserve"> 薬剤師</t>
    <phoneticPr fontId="0"/>
  </si>
  <si>
    <t xml:space="preserve"> 建設業</t>
    <phoneticPr fontId="0"/>
  </si>
  <si>
    <t xml:space="preserve"> 建設連合</t>
    <phoneticPr fontId="0"/>
  </si>
  <si>
    <t xml:space="preserve"> 建設連合</t>
    <phoneticPr fontId="0"/>
  </si>
  <si>
    <t>組   合   計</t>
    <phoneticPr fontId="2"/>
  </si>
  <si>
    <t>組   合   計</t>
    <phoneticPr fontId="2"/>
  </si>
  <si>
    <t>県　　         計</t>
    <phoneticPr fontId="2"/>
  </si>
  <si>
    <t>県　　         計</t>
    <phoneticPr fontId="2"/>
  </si>
  <si>
    <t>（注）｢療養の給付等｣中、｢食事療養｣の件数は｢合計｣の件数に含めない。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fonts count="6" x14ac:knownFonts="1">
    <font>
      <sz val="11"/>
      <name val="ＭＳ Ｐゴシック"/>
      <family val="3"/>
      <charset val="128"/>
    </font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sz val="9"/>
      <name val="ＭＳ Ｐゴシック"/>
      <family val="3"/>
      <charset val="128"/>
    </font>
    <font>
      <sz val="8"/>
      <name val="ＭＳ Ｐゴシック"/>
      <family val="3"/>
      <charset val="128"/>
    </font>
    <font>
      <sz val="9"/>
      <name val="ＭＳ ゴシック"/>
      <family val="3"/>
      <charset val="128"/>
    </font>
  </fonts>
  <fills count="2">
    <fill>
      <patternFill patternType="none"/>
    </fill>
    <fill>
      <patternFill patternType="gray125"/>
    </fill>
  </fills>
  <borders count="108">
    <border>
      <left/>
      <right/>
      <top/>
      <bottom/>
      <diagonal/>
    </border>
    <border>
      <left/>
      <right/>
      <top/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/>
      <top style="medium">
        <color indexed="64"/>
      </top>
      <bottom/>
      <diagonal/>
    </border>
    <border>
      <left style="thin">
        <color indexed="64"/>
      </left>
      <right/>
      <top style="medium">
        <color indexed="64"/>
      </top>
      <bottom style="thin">
        <color indexed="8"/>
      </bottom>
      <diagonal/>
    </border>
    <border>
      <left/>
      <right/>
      <top style="medium">
        <color indexed="64"/>
      </top>
      <bottom style="thin">
        <color indexed="8"/>
      </bottom>
      <diagonal/>
    </border>
    <border>
      <left/>
      <right style="medium">
        <color indexed="64"/>
      </right>
      <top style="medium">
        <color indexed="64"/>
      </top>
      <bottom style="thin">
        <color indexed="8"/>
      </bottom>
      <diagonal/>
    </border>
    <border>
      <left style="thin">
        <color indexed="64"/>
      </left>
      <right/>
      <top style="medium">
        <color indexed="64"/>
      </top>
      <bottom style="thin">
        <color indexed="64"/>
      </bottom>
      <diagonal/>
    </border>
    <border>
      <left/>
      <right/>
      <top style="medium">
        <color indexed="64"/>
      </top>
      <bottom style="thin">
        <color indexed="64"/>
      </bottom>
      <diagonal/>
    </border>
    <border>
      <left style="thin">
        <color indexed="64"/>
      </left>
      <right/>
      <top style="medium">
        <color indexed="64"/>
      </top>
      <bottom/>
      <diagonal/>
    </border>
    <border>
      <left/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 style="medium">
        <color indexed="64"/>
      </right>
      <top style="medium">
        <color indexed="64"/>
      </top>
      <bottom/>
      <diagonal/>
    </border>
    <border>
      <left/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/>
      <top/>
      <bottom/>
      <diagonal/>
    </border>
    <border>
      <left style="thin">
        <color indexed="8"/>
      </left>
      <right/>
      <top style="thin">
        <color indexed="8"/>
      </top>
      <bottom style="thin">
        <color indexed="8"/>
      </bottom>
      <diagonal/>
    </border>
    <border>
      <left/>
      <right/>
      <top style="thin">
        <color indexed="8"/>
      </top>
      <bottom style="thin">
        <color indexed="8"/>
      </bottom>
      <diagonal/>
    </border>
    <border>
      <left style="thin">
        <color indexed="64"/>
      </left>
      <right/>
      <top style="thin">
        <color indexed="8"/>
      </top>
      <bottom/>
      <diagonal/>
    </border>
    <border>
      <left/>
      <right/>
      <top style="thin">
        <color indexed="8"/>
      </top>
      <bottom/>
      <diagonal/>
    </border>
    <border>
      <left/>
      <right style="medium">
        <color indexed="64"/>
      </right>
      <top style="thin">
        <color indexed="8"/>
      </top>
      <bottom/>
      <diagonal/>
    </border>
    <border>
      <left style="thin">
        <color indexed="8"/>
      </left>
      <right/>
      <top style="thin">
        <color indexed="8"/>
      </top>
      <bottom/>
      <diagonal/>
    </border>
    <border>
      <left/>
      <right style="thin">
        <color indexed="8"/>
      </right>
      <top style="thin">
        <color indexed="8"/>
      </top>
      <bottom/>
      <diagonal/>
    </border>
    <border>
      <left style="thin">
        <color indexed="64"/>
      </left>
      <right style="thin">
        <color indexed="8"/>
      </right>
      <top/>
      <bottom/>
      <diagonal/>
    </border>
    <border>
      <left style="thin">
        <color indexed="8"/>
      </left>
      <right/>
      <top/>
      <bottom style="thin">
        <color indexed="8"/>
      </bottom>
      <diagonal/>
    </border>
    <border>
      <left/>
      <right/>
      <top/>
      <bottom style="thin">
        <color indexed="8"/>
      </bottom>
      <diagonal/>
    </border>
    <border>
      <left/>
      <right style="medium">
        <color indexed="64"/>
      </right>
      <top/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/>
      <right style="thin">
        <color indexed="64"/>
      </right>
      <top/>
      <bottom style="thin">
        <color indexed="8"/>
      </bottom>
      <diagonal/>
    </border>
    <border>
      <left style="thin">
        <color indexed="64"/>
      </left>
      <right style="thin">
        <color indexed="64"/>
      </right>
      <top/>
      <bottom style="thin">
        <color indexed="8"/>
      </bottom>
      <diagonal/>
    </border>
    <border>
      <left style="thin">
        <color indexed="64"/>
      </left>
      <right style="medium">
        <color indexed="64"/>
      </right>
      <top/>
      <bottom style="thin">
        <color indexed="8"/>
      </bottom>
      <diagonal/>
    </border>
    <border>
      <left/>
      <right style="thin">
        <color indexed="8"/>
      </right>
      <top style="thin">
        <color indexed="8"/>
      </top>
      <bottom style="thin">
        <color indexed="8"/>
      </bottom>
      <diagonal/>
    </border>
    <border>
      <left style="thin">
        <color indexed="64"/>
      </left>
      <right/>
      <top/>
      <bottom style="thin">
        <color indexed="8"/>
      </bottom>
      <diagonal/>
    </border>
    <border>
      <left/>
      <right style="medium">
        <color indexed="64"/>
      </right>
      <top/>
      <bottom style="thin">
        <color indexed="8"/>
      </bottom>
      <diagonal/>
    </border>
    <border>
      <left/>
      <right style="thin">
        <color indexed="8"/>
      </right>
      <top/>
      <bottom style="thin">
        <color indexed="8"/>
      </bottom>
      <diagonal/>
    </border>
    <border>
      <left style="thin">
        <color indexed="64"/>
      </left>
      <right/>
      <top style="thin">
        <color indexed="64"/>
      </top>
      <bottom style="thin">
        <color indexed="8"/>
      </bottom>
      <diagonal/>
    </border>
    <border>
      <left/>
      <right style="thin">
        <color indexed="64"/>
      </right>
      <top style="thin">
        <color indexed="64"/>
      </top>
      <bottom style="thin">
        <color indexed="8"/>
      </bottom>
      <diagonal/>
    </border>
    <border>
      <left style="thin">
        <color indexed="64"/>
      </left>
      <right style="thin">
        <color indexed="64"/>
      </right>
      <top style="thin">
        <color indexed="8"/>
      </top>
      <bottom/>
      <diagonal/>
    </border>
    <border>
      <left style="thin">
        <color indexed="64"/>
      </left>
      <right style="medium">
        <color indexed="64"/>
      </right>
      <top style="thin">
        <color indexed="8"/>
      </top>
      <bottom/>
      <diagonal/>
    </border>
    <border>
      <left style="medium">
        <color indexed="64"/>
      </left>
      <right/>
      <top/>
      <bottom style="double">
        <color indexed="8"/>
      </bottom>
      <diagonal/>
    </border>
    <border>
      <left/>
      <right/>
      <top/>
      <bottom style="double">
        <color indexed="8"/>
      </bottom>
      <diagonal/>
    </border>
    <border>
      <left style="thin">
        <color indexed="8"/>
      </left>
      <right style="thin">
        <color indexed="8"/>
      </right>
      <top/>
      <bottom style="double">
        <color indexed="8"/>
      </bottom>
      <diagonal/>
    </border>
    <border>
      <left style="thin">
        <color indexed="8"/>
      </left>
      <right/>
      <top/>
      <bottom style="double">
        <color indexed="8"/>
      </bottom>
      <diagonal/>
    </border>
    <border>
      <left style="thin">
        <color indexed="64"/>
      </left>
      <right style="thin">
        <color indexed="8"/>
      </right>
      <top/>
      <bottom style="double">
        <color indexed="8"/>
      </bottom>
      <diagonal/>
    </border>
    <border>
      <left style="thin">
        <color indexed="8"/>
      </left>
      <right style="medium">
        <color indexed="64"/>
      </right>
      <top/>
      <bottom style="double">
        <color indexed="8"/>
      </bottom>
      <diagonal/>
    </border>
    <border>
      <left style="thin">
        <color indexed="64"/>
      </left>
      <right/>
      <top/>
      <bottom style="double">
        <color indexed="8"/>
      </bottom>
      <diagonal/>
    </border>
    <border>
      <left style="thin">
        <color indexed="8"/>
      </left>
      <right/>
      <top style="thin">
        <color indexed="8"/>
      </top>
      <bottom style="double">
        <color indexed="8"/>
      </bottom>
      <diagonal/>
    </border>
    <border>
      <left style="thin">
        <color indexed="8"/>
      </left>
      <right style="thin">
        <color indexed="8"/>
      </right>
      <top style="thin">
        <color indexed="8"/>
      </top>
      <bottom style="double">
        <color indexed="8"/>
      </bottom>
      <diagonal/>
    </border>
    <border>
      <left style="thin">
        <color indexed="8"/>
      </left>
      <right style="thin">
        <color indexed="64"/>
      </right>
      <top/>
      <bottom style="double">
        <color indexed="8"/>
      </bottom>
      <diagonal/>
    </border>
    <border>
      <left style="thin">
        <color indexed="64"/>
      </left>
      <right style="thin">
        <color indexed="64"/>
      </right>
      <top/>
      <bottom style="double">
        <color indexed="8"/>
      </bottom>
      <diagonal/>
    </border>
    <border>
      <left style="thin">
        <color indexed="64"/>
      </left>
      <right style="medium">
        <color indexed="64"/>
      </right>
      <top/>
      <bottom style="double">
        <color indexed="8"/>
      </bottom>
      <diagonal/>
    </border>
    <border>
      <left style="medium">
        <color indexed="64"/>
      </left>
      <right/>
      <top/>
      <bottom style="double">
        <color indexed="64"/>
      </bottom>
      <diagonal/>
    </border>
    <border>
      <left/>
      <right/>
      <top/>
      <bottom style="double">
        <color indexed="64"/>
      </bottom>
      <diagonal/>
    </border>
    <border>
      <left style="thin">
        <color indexed="64"/>
      </left>
      <right style="thin">
        <color indexed="64"/>
      </right>
      <top style="double">
        <color indexed="64"/>
      </top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thin">
        <color indexed="64"/>
      </left>
      <right style="medium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double">
        <color indexed="8"/>
      </top>
      <bottom style="thin">
        <color indexed="64"/>
      </bottom>
      <diagonal/>
    </border>
    <border>
      <left style="thin">
        <color indexed="8"/>
      </left>
      <right style="thin">
        <color indexed="64"/>
      </right>
      <top/>
      <bottom style="thin">
        <color indexed="8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double">
        <color indexed="64"/>
      </bottom>
      <diagonal/>
    </border>
    <border>
      <left style="thin">
        <color indexed="64"/>
      </left>
      <right/>
      <top style="thin">
        <color indexed="64"/>
      </top>
      <bottom style="double">
        <color indexed="64"/>
      </bottom>
      <diagonal/>
    </border>
    <border>
      <left style="thin">
        <color indexed="64"/>
      </left>
      <right style="thin">
        <color indexed="8"/>
      </right>
      <top style="thin">
        <color indexed="64"/>
      </top>
      <bottom style="double">
        <color indexed="64"/>
      </bottom>
      <diagonal/>
    </border>
    <border>
      <left style="thin">
        <color indexed="8"/>
      </left>
      <right/>
      <top/>
      <bottom style="double">
        <color indexed="64"/>
      </bottom>
      <diagonal/>
    </border>
    <border>
      <left style="thin">
        <color indexed="64"/>
      </left>
      <right/>
      <top/>
      <bottom style="double">
        <color indexed="64"/>
      </bottom>
      <diagonal/>
    </border>
    <border>
      <left style="thin">
        <color indexed="64"/>
      </left>
      <right style="medium">
        <color indexed="64"/>
      </right>
      <top/>
      <bottom style="double">
        <color indexed="64"/>
      </bottom>
      <diagonal/>
    </border>
    <border>
      <left style="thin">
        <color indexed="64"/>
      </left>
      <right style="thin">
        <color indexed="64"/>
      </right>
      <top/>
      <bottom style="double">
        <color indexed="64"/>
      </bottom>
      <diagonal/>
    </border>
    <border>
      <left style="thin">
        <color indexed="8"/>
      </left>
      <right style="thin">
        <color indexed="64"/>
      </right>
      <top/>
      <bottom/>
      <diagonal/>
    </border>
    <border>
      <left/>
      <right style="thin">
        <color indexed="64"/>
      </right>
      <top style="thin">
        <color indexed="64"/>
      </top>
      <bottom style="double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double">
        <color indexed="64"/>
      </bottom>
      <diagonal/>
    </border>
    <border>
      <left style="medium">
        <color indexed="64"/>
      </left>
      <right/>
      <top style="double">
        <color indexed="64"/>
      </top>
      <bottom/>
      <diagonal/>
    </border>
    <border>
      <left style="thin">
        <color indexed="8"/>
      </left>
      <right/>
      <top style="double">
        <color indexed="64"/>
      </top>
      <bottom style="thin">
        <color indexed="8"/>
      </bottom>
      <diagonal/>
    </border>
    <border>
      <left style="thin">
        <color indexed="64"/>
      </left>
      <right/>
      <top style="double">
        <color indexed="64"/>
      </top>
      <bottom style="thin">
        <color indexed="8"/>
      </bottom>
      <diagonal/>
    </border>
    <border>
      <left style="thin">
        <color indexed="8"/>
      </left>
      <right style="thin">
        <color indexed="64"/>
      </right>
      <top style="double">
        <color indexed="64"/>
      </top>
      <bottom style="thin">
        <color indexed="8"/>
      </bottom>
      <diagonal/>
    </border>
    <border>
      <left style="medium">
        <color indexed="64"/>
      </left>
      <right/>
      <top style="double">
        <color indexed="64"/>
      </top>
      <bottom style="double">
        <color indexed="64"/>
      </bottom>
      <diagonal/>
    </border>
    <border>
      <left/>
      <right style="thin">
        <color indexed="8"/>
      </right>
      <top style="double">
        <color indexed="64"/>
      </top>
      <bottom style="double">
        <color indexed="64"/>
      </bottom>
      <diagonal/>
    </border>
    <border>
      <left style="thin">
        <color indexed="64"/>
      </left>
      <right/>
      <top style="double">
        <color indexed="64"/>
      </top>
      <bottom style="double">
        <color indexed="64"/>
      </bottom>
      <diagonal/>
    </border>
    <border>
      <left style="thin">
        <color indexed="64"/>
      </left>
      <right style="medium">
        <color indexed="64"/>
      </right>
      <top style="double">
        <color indexed="64"/>
      </top>
      <bottom style="double">
        <color indexed="64"/>
      </bottom>
      <diagonal/>
    </border>
    <border>
      <left style="medium">
        <color indexed="64"/>
      </left>
      <right style="medium">
        <color indexed="64"/>
      </right>
      <top style="double">
        <color indexed="64"/>
      </top>
      <bottom style="double">
        <color indexed="64"/>
      </bottom>
      <diagonal/>
    </border>
    <border>
      <left style="medium">
        <color indexed="64"/>
      </left>
      <right style="thin">
        <color indexed="64"/>
      </right>
      <top style="double">
        <color indexed="64"/>
      </top>
      <bottom style="double">
        <color indexed="64"/>
      </bottom>
      <diagonal/>
    </border>
    <border>
      <left style="thin">
        <color indexed="64"/>
      </left>
      <right style="thin">
        <color indexed="64"/>
      </right>
      <top style="double">
        <color indexed="64"/>
      </top>
      <bottom style="double">
        <color indexed="64"/>
      </bottom>
      <diagonal/>
    </border>
    <border>
      <left/>
      <right/>
      <top style="double">
        <color indexed="64"/>
      </top>
      <bottom style="double">
        <color indexed="64"/>
      </bottom>
      <diagonal/>
    </border>
    <border>
      <left/>
      <right style="thin">
        <color indexed="64"/>
      </right>
      <top style="double">
        <color indexed="64"/>
      </top>
      <bottom style="double">
        <color indexed="64"/>
      </bottom>
      <diagonal/>
    </border>
    <border>
      <left style="thin">
        <color indexed="64"/>
      </left>
      <right/>
      <top style="double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double">
        <color indexed="64"/>
      </top>
      <bottom style="thin">
        <color indexed="64"/>
      </bottom>
      <diagonal/>
    </border>
    <border>
      <left/>
      <right/>
      <top style="double">
        <color indexed="64"/>
      </top>
      <bottom style="thin">
        <color indexed="64"/>
      </bottom>
      <diagonal/>
    </border>
    <border>
      <left/>
      <right style="thin">
        <color indexed="64"/>
      </right>
      <top style="double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double">
        <color indexed="64"/>
      </bottom>
      <diagonal/>
    </border>
    <border>
      <left style="medium">
        <color indexed="64"/>
      </left>
      <right/>
      <top style="double">
        <color indexed="64"/>
      </top>
      <bottom style="medium">
        <color indexed="64"/>
      </bottom>
      <diagonal/>
    </border>
    <border>
      <left/>
      <right style="thin">
        <color indexed="8"/>
      </right>
      <top style="double">
        <color indexed="64"/>
      </top>
      <bottom style="medium">
        <color indexed="64"/>
      </bottom>
      <diagonal/>
    </border>
    <border>
      <left style="thin">
        <color indexed="64"/>
      </left>
      <right/>
      <top/>
      <bottom style="medium">
        <color indexed="64"/>
      </bottom>
      <diagonal/>
    </border>
    <border>
      <left style="thin">
        <color indexed="8"/>
      </left>
      <right/>
      <top/>
      <bottom style="medium">
        <color indexed="64"/>
      </bottom>
      <diagonal/>
    </border>
    <border>
      <left style="thin">
        <color indexed="64"/>
      </left>
      <right style="medium">
        <color indexed="64"/>
      </right>
      <top/>
      <bottom style="medium">
        <color indexed="64"/>
      </bottom>
      <diagonal/>
    </border>
    <border>
      <left style="thin">
        <color indexed="64"/>
      </left>
      <right style="thin">
        <color indexed="64"/>
      </right>
      <top/>
      <bottom style="medium">
        <color indexed="64"/>
      </bottom>
      <diagonal/>
    </border>
    <border>
      <left style="thin">
        <color indexed="8"/>
      </left>
      <right style="thin">
        <color indexed="64"/>
      </right>
      <top/>
      <bottom style="medium">
        <color indexed="64"/>
      </bottom>
      <diagonal/>
    </border>
    <border>
      <left/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/>
      <right/>
      <top style="double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thin">
        <color indexed="64"/>
      </bottom>
      <diagonal/>
    </border>
    <border>
      <left/>
      <right style="medium">
        <color indexed="64"/>
      </right>
      <top style="thin">
        <color indexed="8"/>
      </top>
      <bottom style="thin">
        <color indexed="8"/>
      </bottom>
      <diagonal/>
    </border>
  </borders>
  <cellStyleXfs count="2">
    <xf numFmtId="0" fontId="0" fillId="0" borderId="0"/>
    <xf numFmtId="38" fontId="1" fillId="0" borderId="0" applyFont="0" applyFill="0" applyBorder="0" applyAlignment="0" applyProtection="0"/>
  </cellStyleXfs>
  <cellXfs count="213">
    <xf numFmtId="0" fontId="0" fillId="0" borderId="0" xfId="0"/>
    <xf numFmtId="0" fontId="4" fillId="0" borderId="0" xfId="0" applyFont="1" applyBorder="1" applyAlignment="1" applyProtection="1">
      <alignment horizontal="left"/>
    </xf>
    <xf numFmtId="0" fontId="4" fillId="0" borderId="0" xfId="0" applyFont="1" applyBorder="1"/>
    <xf numFmtId="0" fontId="4" fillId="0" borderId="0" xfId="0" applyFont="1" applyAlignment="1" applyProtection="1">
      <alignment horizontal="left"/>
    </xf>
    <xf numFmtId="0" fontId="4" fillId="0" borderId="0" xfId="0" applyFont="1"/>
    <xf numFmtId="0" fontId="4" fillId="0" borderId="0" xfId="0" applyFont="1" applyBorder="1" applyAlignment="1" applyProtection="1">
      <alignment horizontal="right"/>
    </xf>
    <xf numFmtId="0" fontId="3" fillId="0" borderId="9" xfId="0" applyFont="1" applyBorder="1" applyAlignment="1" applyProtection="1"/>
    <xf numFmtId="0" fontId="3" fillId="0" borderId="10" xfId="0" applyFont="1" applyBorder="1" applyAlignment="1" applyProtection="1">
      <alignment horizontal="centerContinuous"/>
    </xf>
    <xf numFmtId="0" fontId="3" fillId="0" borderId="13" xfId="0" applyFont="1" applyBorder="1" applyAlignment="1" applyProtection="1">
      <alignment horizontal="centerContinuous"/>
    </xf>
    <xf numFmtId="0" fontId="4" fillId="0" borderId="0" xfId="0" applyFont="1" applyAlignment="1"/>
    <xf numFmtId="0" fontId="3" fillId="0" borderId="23" xfId="0" applyFont="1" applyBorder="1" applyAlignment="1" applyProtection="1">
      <alignment horizontal="centerContinuous" vertical="center"/>
    </xf>
    <xf numFmtId="0" fontId="3" fillId="0" borderId="24" xfId="0" applyFont="1" applyBorder="1" applyAlignment="1" applyProtection="1">
      <alignment horizontal="centerContinuous" vertical="center"/>
    </xf>
    <xf numFmtId="0" fontId="3" fillId="0" borderId="0" xfId="0" applyFont="1" applyBorder="1" applyAlignment="1" applyProtection="1">
      <alignment horizontal="centerContinuous" vertical="center"/>
    </xf>
    <xf numFmtId="0" fontId="3" fillId="0" borderId="25" xfId="0" applyFont="1" applyBorder="1" applyAlignment="1" applyProtection="1">
      <alignment horizontal="centerContinuous" vertical="center"/>
    </xf>
    <xf numFmtId="0" fontId="4" fillId="0" borderId="0" xfId="0" applyFont="1" applyAlignment="1">
      <alignment vertical="center"/>
    </xf>
    <xf numFmtId="0" fontId="3" fillId="0" borderId="37" xfId="0" applyFont="1" applyBorder="1" applyAlignment="1" applyProtection="1">
      <alignment vertical="center"/>
    </xf>
    <xf numFmtId="0" fontId="3" fillId="0" borderId="33" xfId="0" applyFont="1" applyBorder="1" applyAlignment="1" applyProtection="1">
      <alignment vertical="center"/>
    </xf>
    <xf numFmtId="0" fontId="3" fillId="0" borderId="38" xfId="0" applyFont="1" applyBorder="1" applyAlignment="1" applyProtection="1">
      <alignment vertical="center"/>
    </xf>
    <xf numFmtId="0" fontId="3" fillId="0" borderId="46" xfId="0" applyFont="1" applyBorder="1" applyAlignment="1" applyProtection="1">
      <alignment horizontal="distributed" vertical="center" justifyLastLine="1"/>
    </xf>
    <xf numFmtId="0" fontId="3" fillId="0" borderId="45" xfId="0" applyFont="1" applyBorder="1" applyAlignment="1" applyProtection="1">
      <alignment horizontal="distributed" vertical="center" justifyLastLine="1"/>
    </xf>
    <xf numFmtId="0" fontId="3" fillId="0" borderId="47" xfId="0" applyFont="1" applyBorder="1" applyAlignment="1" applyProtection="1">
      <alignment horizontal="distributed" vertical="center" justifyLastLine="1"/>
    </xf>
    <xf numFmtId="0" fontId="3" fillId="0" borderId="48" xfId="0" applyFont="1" applyBorder="1" applyAlignment="1" applyProtection="1">
      <alignment horizontal="distributed" vertical="center" justifyLastLine="1"/>
    </xf>
    <xf numFmtId="0" fontId="3" fillId="0" borderId="46" xfId="0" applyFont="1" applyBorder="1" applyAlignment="1" applyProtection="1">
      <alignment horizontal="distributed" vertical="center" justifyLastLine="1" shrinkToFit="1"/>
    </xf>
    <xf numFmtId="0" fontId="3" fillId="0" borderId="49" xfId="0" applyFont="1" applyBorder="1" applyAlignment="1" applyProtection="1">
      <alignment horizontal="distributed" vertical="center" justifyLastLine="1"/>
    </xf>
    <xf numFmtId="0" fontId="3" fillId="0" borderId="50" xfId="0" applyFont="1" applyBorder="1" applyAlignment="1" applyProtection="1">
      <alignment horizontal="distributed" vertical="center" justifyLastLine="1"/>
    </xf>
    <xf numFmtId="0" fontId="3" fillId="0" borderId="51" xfId="0" applyFont="1" applyBorder="1" applyAlignment="1" applyProtection="1">
      <alignment horizontal="distributed" vertical="center" justifyLastLine="1"/>
    </xf>
    <xf numFmtId="0" fontId="3" fillId="0" borderId="52" xfId="0" applyFont="1" applyBorder="1" applyAlignment="1" applyProtection="1">
      <alignment horizontal="distributed" vertical="center" justifyLastLine="1"/>
    </xf>
    <xf numFmtId="0" fontId="3" fillId="0" borderId="47" xfId="0" applyFont="1" applyBorder="1" applyAlignment="1" applyProtection="1">
      <alignment horizontal="distributed" vertical="center" justifyLastLine="1" shrinkToFit="1"/>
    </xf>
    <xf numFmtId="0" fontId="3" fillId="0" borderId="53" xfId="0" applyFont="1" applyBorder="1" applyAlignment="1" applyProtection="1">
      <alignment horizontal="distributed" vertical="center" justifyLastLine="1"/>
    </xf>
    <xf numFmtId="0" fontId="3" fillId="0" borderId="54" xfId="0" applyFont="1" applyBorder="1" applyAlignment="1" applyProtection="1">
      <alignment horizontal="distributed" vertical="center" justifyLastLine="1"/>
    </xf>
    <xf numFmtId="0" fontId="3" fillId="0" borderId="55" xfId="0" applyFont="1" applyBorder="1" applyAlignment="1" applyProtection="1">
      <alignment horizontal="distributed" vertical="center" justifyLastLine="1"/>
    </xf>
    <xf numFmtId="0" fontId="3" fillId="0" borderId="14" xfId="0" applyFont="1" applyBorder="1" applyAlignment="1" applyProtection="1"/>
    <xf numFmtId="38" fontId="5" fillId="0" borderId="58" xfId="1" applyFont="1" applyBorder="1" applyAlignment="1"/>
    <xf numFmtId="38" fontId="3" fillId="0" borderId="59" xfId="1" quotePrefix="1" applyFont="1" applyBorder="1" applyAlignment="1" applyProtection="1"/>
    <xf numFmtId="38" fontId="3" fillId="0" borderId="23" xfId="1" applyFont="1" applyBorder="1" applyAlignment="1" applyProtection="1"/>
    <xf numFmtId="38" fontId="3" fillId="0" borderId="60" xfId="1" quotePrefix="1" applyFont="1" applyBorder="1" applyAlignment="1" applyProtection="1"/>
    <xf numFmtId="38" fontId="5" fillId="0" borderId="61" xfId="1" applyFont="1" applyBorder="1" applyAlignment="1"/>
    <xf numFmtId="38" fontId="3" fillId="0" borderId="62" xfId="1" quotePrefix="1" applyFont="1" applyBorder="1" applyAlignment="1" applyProtection="1"/>
    <xf numFmtId="38" fontId="3" fillId="0" borderId="37" xfId="1" applyFont="1" applyBorder="1" applyAlignment="1" applyProtection="1"/>
    <xf numFmtId="38" fontId="3" fillId="0" borderId="63" xfId="1" applyFont="1" applyBorder="1" applyAlignment="1" applyProtection="1"/>
    <xf numFmtId="0" fontId="3" fillId="0" borderId="0" xfId="0" applyFont="1" applyBorder="1" applyAlignment="1" applyProtection="1">
      <alignment vertical="center"/>
    </xf>
    <xf numFmtId="0" fontId="3" fillId="0" borderId="59" xfId="0" applyFont="1" applyBorder="1" applyAlignment="1" applyProtection="1">
      <alignment horizontal="left" vertical="center"/>
    </xf>
    <xf numFmtId="38" fontId="3" fillId="0" borderId="64" xfId="1" quotePrefix="1" applyFont="1" applyBorder="1" applyAlignment="1" applyProtection="1"/>
    <xf numFmtId="38" fontId="3" fillId="0" borderId="61" xfId="1" quotePrefix="1" applyFont="1" applyBorder="1" applyAlignment="1" applyProtection="1"/>
    <xf numFmtId="38" fontId="5" fillId="0" borderId="59" xfId="1" applyFont="1" applyBorder="1" applyAlignment="1"/>
    <xf numFmtId="38" fontId="5" fillId="0" borderId="65" xfId="1" applyFont="1" applyBorder="1" applyAlignment="1"/>
    <xf numFmtId="38" fontId="3" fillId="0" borderId="28" xfId="1" quotePrefix="1" applyFont="1" applyBorder="1" applyAlignment="1" applyProtection="1"/>
    <xf numFmtId="38" fontId="3" fillId="0" borderId="65" xfId="1" quotePrefix="1" applyFont="1" applyBorder="1" applyAlignment="1" applyProtection="1"/>
    <xf numFmtId="38" fontId="3" fillId="0" borderId="66" xfId="1" quotePrefix="1" applyFont="1" applyBorder="1" applyAlignment="1" applyProtection="1"/>
    <xf numFmtId="38" fontId="5" fillId="0" borderId="26" xfId="1" applyFont="1" applyBorder="1" applyAlignment="1"/>
    <xf numFmtId="0" fontId="3" fillId="0" borderId="56" xfId="0" applyFont="1" applyBorder="1" applyAlignment="1" applyProtection="1"/>
    <xf numFmtId="38" fontId="5" fillId="0" borderId="67" xfId="1" applyFont="1" applyBorder="1" applyAlignment="1"/>
    <xf numFmtId="38" fontId="3" fillId="0" borderId="68" xfId="1" quotePrefix="1" applyFont="1" applyBorder="1" applyAlignment="1" applyProtection="1"/>
    <xf numFmtId="38" fontId="3" fillId="0" borderId="69" xfId="1" quotePrefix="1" applyFont="1" applyBorder="1" applyAlignment="1" applyProtection="1"/>
    <xf numFmtId="38" fontId="3" fillId="0" borderId="70" xfId="1" applyFont="1" applyBorder="1" applyAlignment="1" applyProtection="1"/>
    <xf numFmtId="38" fontId="3" fillId="0" borderId="71" xfId="1" quotePrefix="1" applyFont="1" applyBorder="1" applyAlignment="1" applyProtection="1"/>
    <xf numFmtId="38" fontId="3" fillId="0" borderId="72" xfId="1" quotePrefix="1" applyFont="1" applyBorder="1" applyAlignment="1" applyProtection="1"/>
    <xf numFmtId="38" fontId="3" fillId="0" borderId="73" xfId="1" quotePrefix="1" applyFont="1" applyBorder="1" applyAlignment="1" applyProtection="1"/>
    <xf numFmtId="38" fontId="3" fillId="0" borderId="31" xfId="1" applyFont="1" applyBorder="1" applyAlignment="1" applyProtection="1"/>
    <xf numFmtId="38" fontId="3" fillId="0" borderId="74" xfId="1" applyFont="1" applyBorder="1" applyAlignment="1" applyProtection="1"/>
    <xf numFmtId="38" fontId="3" fillId="0" borderId="75" xfId="1" quotePrefix="1" applyFont="1" applyBorder="1" applyAlignment="1" applyProtection="1"/>
    <xf numFmtId="38" fontId="3" fillId="0" borderId="67" xfId="1" quotePrefix="1" applyFont="1" applyBorder="1" applyAlignment="1" applyProtection="1"/>
    <xf numFmtId="38" fontId="3" fillId="0" borderId="76" xfId="1" quotePrefix="1" applyFont="1" applyBorder="1" applyAlignment="1" applyProtection="1"/>
    <xf numFmtId="38" fontId="5" fillId="0" borderId="68" xfId="1" applyFont="1" applyBorder="1" applyAlignment="1"/>
    <xf numFmtId="0" fontId="3" fillId="0" borderId="77" xfId="0" applyFont="1" applyBorder="1" applyAlignment="1" applyProtection="1"/>
    <xf numFmtId="38" fontId="3" fillId="0" borderId="78" xfId="1" applyFont="1" applyBorder="1" applyAlignment="1" applyProtection="1"/>
    <xf numFmtId="38" fontId="3" fillId="0" borderId="79" xfId="1" applyFont="1" applyBorder="1" applyAlignment="1" applyProtection="1"/>
    <xf numFmtId="38" fontId="3" fillId="0" borderId="80" xfId="1" applyFont="1" applyBorder="1" applyAlignment="1" applyProtection="1"/>
    <xf numFmtId="38" fontId="3" fillId="0" borderId="58" xfId="1" applyFont="1" applyBorder="1" applyAlignment="1" applyProtection="1">
      <alignment horizontal="left"/>
    </xf>
    <xf numFmtId="38" fontId="3" fillId="0" borderId="90" xfId="1" quotePrefix="1" applyFont="1" applyBorder="1" applyAlignment="1" applyProtection="1">
      <alignment horizontal="center"/>
    </xf>
    <xf numFmtId="38" fontId="3" fillId="0" borderId="91" xfId="1" quotePrefix="1" applyFont="1" applyBorder="1" applyAlignment="1" applyProtection="1">
      <alignment horizontal="center"/>
    </xf>
    <xf numFmtId="38" fontId="3" fillId="0" borderId="58" xfId="1" quotePrefix="1" applyFont="1" applyBorder="1" applyAlignment="1" applyProtection="1">
      <alignment horizontal="center"/>
    </xf>
    <xf numFmtId="38" fontId="3" fillId="0" borderId="92" xfId="1" quotePrefix="1" applyFont="1" applyBorder="1" applyAlignment="1" applyProtection="1">
      <alignment horizontal="center"/>
    </xf>
    <xf numFmtId="38" fontId="3" fillId="0" borderId="93" xfId="1" quotePrefix="1" applyFont="1" applyBorder="1" applyAlignment="1" applyProtection="1">
      <alignment horizontal="center"/>
    </xf>
    <xf numFmtId="38" fontId="3" fillId="0" borderId="90" xfId="1" applyFont="1" applyBorder="1" applyAlignment="1" applyProtection="1">
      <alignment horizontal="left"/>
    </xf>
    <xf numFmtId="38" fontId="3" fillId="0" borderId="61" xfId="1" applyFont="1" applyBorder="1" applyAlignment="1" applyProtection="1">
      <alignment horizontal="left"/>
    </xf>
    <xf numFmtId="38" fontId="3" fillId="0" borderId="26" xfId="1" quotePrefix="1" applyFont="1" applyBorder="1" applyAlignment="1" applyProtection="1">
      <alignment horizontal="center"/>
    </xf>
    <xf numFmtId="38" fontId="3" fillId="0" borderId="66" xfId="1" quotePrefix="1" applyFont="1" applyBorder="1" applyAlignment="1" applyProtection="1">
      <alignment horizontal="center"/>
    </xf>
    <xf numFmtId="38" fontId="3" fillId="0" borderId="65" xfId="1" quotePrefix="1" applyFont="1" applyBorder="1" applyAlignment="1" applyProtection="1">
      <alignment horizontal="center"/>
    </xf>
    <xf numFmtId="38" fontId="3" fillId="0" borderId="27" xfId="1" quotePrefix="1" applyFont="1" applyBorder="1" applyAlignment="1" applyProtection="1">
      <alignment horizontal="center"/>
    </xf>
    <xf numFmtId="38" fontId="3" fillId="0" borderId="28" xfId="1" quotePrefix="1" applyFont="1" applyBorder="1" applyAlignment="1" applyProtection="1">
      <alignment horizontal="center"/>
    </xf>
    <xf numFmtId="38" fontId="3" fillId="0" borderId="59" xfId="1" applyFont="1" applyBorder="1" applyAlignment="1" applyProtection="1">
      <alignment horizontal="left"/>
    </xf>
    <xf numFmtId="38" fontId="3" fillId="0" borderId="73" xfId="1" applyFont="1" applyBorder="1" applyAlignment="1" applyProtection="1">
      <alignment horizontal="left"/>
    </xf>
    <xf numFmtId="38" fontId="3" fillId="0" borderId="68" xfId="1" quotePrefix="1" applyFont="1" applyBorder="1" applyAlignment="1" applyProtection="1">
      <alignment horizontal="center"/>
    </xf>
    <xf numFmtId="38" fontId="3" fillId="0" borderId="76" xfId="1" quotePrefix="1" applyFont="1" applyBorder="1" applyAlignment="1" applyProtection="1">
      <alignment horizontal="center"/>
    </xf>
    <xf numFmtId="38" fontId="3" fillId="0" borderId="67" xfId="1" quotePrefix="1" applyFont="1" applyBorder="1" applyAlignment="1" applyProtection="1">
      <alignment horizontal="center"/>
    </xf>
    <xf numFmtId="38" fontId="3" fillId="0" borderId="94" xfId="1" quotePrefix="1" applyFont="1" applyBorder="1" applyAlignment="1" applyProtection="1">
      <alignment horizontal="center"/>
    </xf>
    <xf numFmtId="38" fontId="3" fillId="0" borderId="75" xfId="1" quotePrefix="1" applyFont="1" applyBorder="1" applyAlignment="1" applyProtection="1">
      <alignment horizontal="center"/>
    </xf>
    <xf numFmtId="38" fontId="3" fillId="0" borderId="71" xfId="1" applyFont="1" applyBorder="1" applyAlignment="1" applyProtection="1">
      <alignment horizontal="left"/>
    </xf>
    <xf numFmtId="38" fontId="4" fillId="0" borderId="0" xfId="1" quotePrefix="1" applyFont="1" applyBorder="1" applyAlignment="1" applyProtection="1"/>
    <xf numFmtId="38" fontId="4" fillId="0" borderId="0" xfId="1" applyFont="1" applyBorder="1" applyAlignment="1" applyProtection="1"/>
    <xf numFmtId="0" fontId="4" fillId="0" borderId="0" xfId="0" applyFont="1" applyBorder="1" applyAlignment="1"/>
    <xf numFmtId="38" fontId="4" fillId="0" borderId="0" xfId="0" applyNumberFormat="1" applyFont="1" applyBorder="1" applyAlignment="1"/>
    <xf numFmtId="0" fontId="4" fillId="0" borderId="0" xfId="0" applyFont="1" applyAlignment="1" applyProtection="1">
      <alignment horizontal="left" vertical="center"/>
    </xf>
    <xf numFmtId="0" fontId="0" fillId="0" borderId="0" xfId="0" applyFont="1" applyBorder="1" applyAlignment="1" applyProtection="1">
      <alignment horizontal="left"/>
    </xf>
    <xf numFmtId="0" fontId="0" fillId="0" borderId="0" xfId="0" applyFont="1" applyBorder="1"/>
    <xf numFmtId="0" fontId="0" fillId="0" borderId="0" xfId="0" applyFont="1" applyAlignment="1" applyProtection="1">
      <alignment horizontal="left"/>
    </xf>
    <xf numFmtId="0" fontId="0" fillId="0" borderId="0" xfId="0" applyFont="1"/>
    <xf numFmtId="38" fontId="3" fillId="0" borderId="83" xfId="1" quotePrefix="1" applyFont="1" applyBorder="1" applyAlignment="1" applyProtection="1"/>
    <xf numFmtId="38" fontId="3" fillId="0" borderId="84" xfId="1" quotePrefix="1" applyFont="1" applyBorder="1" applyAlignment="1" applyProtection="1"/>
    <xf numFmtId="38" fontId="3" fillId="0" borderId="87" xfId="1" quotePrefix="1" applyFont="1" applyBorder="1" applyAlignment="1" applyProtection="1"/>
    <xf numFmtId="0" fontId="3" fillId="0" borderId="88" xfId="0" applyFont="1" applyBorder="1" applyAlignment="1" applyProtection="1">
      <alignment vertical="center"/>
    </xf>
    <xf numFmtId="0" fontId="3" fillId="0" borderId="83" xfId="0" applyFont="1" applyBorder="1" applyAlignment="1" applyProtection="1">
      <alignment horizontal="left" vertical="center"/>
    </xf>
    <xf numFmtId="38" fontId="3" fillId="0" borderId="89" xfId="1" quotePrefix="1" applyFont="1" applyFill="1" applyBorder="1" applyAlignment="1" applyProtection="1"/>
    <xf numFmtId="38" fontId="3" fillId="0" borderId="94" xfId="1" quotePrefix="1" applyFont="1" applyBorder="1" applyAlignment="1" applyProtection="1">
      <alignment horizontal="center" vertical="center"/>
    </xf>
    <xf numFmtId="38" fontId="3" fillId="0" borderId="68" xfId="1" quotePrefix="1" applyFont="1" applyBorder="1" applyAlignment="1" applyProtection="1">
      <alignment horizontal="center" vertical="center"/>
    </xf>
    <xf numFmtId="38" fontId="4" fillId="0" borderId="0" xfId="1" quotePrefix="1" applyFont="1" applyFill="1" applyBorder="1" applyAlignment="1" applyProtection="1">
      <alignment vertical="center"/>
    </xf>
    <xf numFmtId="38" fontId="4" fillId="0" borderId="0" xfId="1" applyFont="1" applyFill="1" applyBorder="1" applyAlignment="1" applyProtection="1">
      <alignment vertical="center"/>
    </xf>
    <xf numFmtId="0" fontId="4" fillId="0" borderId="0" xfId="0" applyFont="1" applyFill="1" applyBorder="1" applyAlignment="1">
      <alignment vertical="center"/>
    </xf>
    <xf numFmtId="38" fontId="4" fillId="0" borderId="0" xfId="0" applyNumberFormat="1" applyFont="1" applyFill="1" applyBorder="1" applyAlignment="1">
      <alignment vertical="center"/>
    </xf>
    <xf numFmtId="0" fontId="4" fillId="0" borderId="0" xfId="0" applyFont="1" applyFill="1" applyAlignment="1">
      <alignment vertical="center"/>
    </xf>
    <xf numFmtId="38" fontId="3" fillId="0" borderId="97" xfId="1" quotePrefix="1" applyFont="1" applyBorder="1" applyAlignment="1" applyProtection="1"/>
    <xf numFmtId="38" fontId="3" fillId="0" borderId="98" xfId="1" applyFont="1" applyBorder="1" applyAlignment="1" applyProtection="1"/>
    <xf numFmtId="38" fontId="3" fillId="0" borderId="99" xfId="1" quotePrefix="1" applyFont="1" applyBorder="1" applyAlignment="1" applyProtection="1"/>
    <xf numFmtId="38" fontId="3" fillId="0" borderId="100" xfId="1" quotePrefix="1" applyFont="1" applyBorder="1" applyAlignment="1" applyProtection="1"/>
    <xf numFmtId="38" fontId="3" fillId="0" borderId="97" xfId="1" applyFont="1" applyBorder="1" applyAlignment="1" applyProtection="1"/>
    <xf numFmtId="38" fontId="3" fillId="0" borderId="101" xfId="1" applyFont="1" applyBorder="1" applyAlignment="1" applyProtection="1"/>
    <xf numFmtId="0" fontId="3" fillId="0" borderId="31" xfId="0" applyFont="1" applyBorder="1" applyAlignment="1" applyProtection="1">
      <alignment horizontal="left" vertical="center"/>
    </xf>
    <xf numFmtId="38" fontId="3" fillId="0" borderId="102" xfId="1" quotePrefix="1" applyFont="1" applyBorder="1" applyAlignment="1" applyProtection="1"/>
    <xf numFmtId="38" fontId="3" fillId="0" borderId="103" xfId="1" quotePrefix="1" applyFont="1" applyBorder="1" applyAlignment="1" applyProtection="1"/>
    <xf numFmtId="38" fontId="3" fillId="0" borderId="104" xfId="1" quotePrefix="1" applyFont="1" applyBorder="1" applyAlignment="1" applyProtection="1"/>
    <xf numFmtId="0" fontId="3" fillId="0" borderId="0" xfId="0" applyFont="1" applyBorder="1" applyAlignment="1" applyProtection="1">
      <alignment horizontal="right"/>
    </xf>
    <xf numFmtId="0" fontId="3" fillId="0" borderId="1" xfId="0" applyFont="1" applyBorder="1" applyAlignment="1" applyProtection="1">
      <alignment horizontal="right"/>
    </xf>
    <xf numFmtId="0" fontId="3" fillId="0" borderId="2" xfId="0" applyFont="1" applyBorder="1" applyAlignment="1" applyProtection="1">
      <alignment horizontal="distributed" vertical="center" justifyLastLine="1"/>
    </xf>
    <xf numFmtId="0" fontId="3" fillId="0" borderId="3" xfId="0" applyFont="1" applyBorder="1" applyAlignment="1" applyProtection="1">
      <alignment horizontal="distributed" vertical="center" justifyLastLine="1"/>
    </xf>
    <xf numFmtId="0" fontId="3" fillId="0" borderId="14" xfId="0" applyFont="1" applyBorder="1" applyAlignment="1" applyProtection="1">
      <alignment horizontal="distributed" vertical="center" justifyLastLine="1"/>
    </xf>
    <xf numFmtId="0" fontId="3" fillId="0" borderId="0" xfId="0" applyFont="1" applyBorder="1" applyAlignment="1" applyProtection="1">
      <alignment horizontal="distributed" vertical="center" justifyLastLine="1"/>
    </xf>
    <xf numFmtId="0" fontId="3" fillId="0" borderId="44" xfId="0" applyFont="1" applyBorder="1" applyAlignment="1" applyProtection="1">
      <alignment horizontal="distributed" vertical="center" justifyLastLine="1"/>
    </xf>
    <xf numFmtId="0" fontId="3" fillId="0" borderId="45" xfId="0" applyFont="1" applyBorder="1" applyAlignment="1" applyProtection="1">
      <alignment horizontal="distributed" vertical="center" justifyLastLine="1"/>
    </xf>
    <xf numFmtId="0" fontId="3" fillId="0" borderId="4" xfId="0" applyFont="1" applyBorder="1" applyAlignment="1" applyProtection="1">
      <alignment horizontal="center"/>
    </xf>
    <xf numFmtId="0" fontId="3" fillId="0" borderId="5" xfId="0" applyFont="1" applyBorder="1" applyAlignment="1" applyProtection="1">
      <alignment horizontal="center"/>
    </xf>
    <xf numFmtId="0" fontId="3" fillId="0" borderId="6" xfId="0" applyFont="1" applyBorder="1" applyAlignment="1" applyProtection="1">
      <alignment horizontal="center"/>
    </xf>
    <xf numFmtId="0" fontId="3" fillId="0" borderId="7" xfId="0" applyFont="1" applyBorder="1" applyAlignment="1" applyProtection="1">
      <alignment horizontal="center"/>
    </xf>
    <xf numFmtId="0" fontId="3" fillId="0" borderId="8" xfId="0" applyFont="1" applyBorder="1" applyAlignment="1" applyProtection="1">
      <alignment horizontal="center"/>
    </xf>
    <xf numFmtId="0" fontId="3" fillId="0" borderId="106" xfId="0" applyFont="1" applyBorder="1" applyAlignment="1" applyProtection="1">
      <alignment horizontal="center"/>
    </xf>
    <xf numFmtId="0" fontId="3" fillId="0" borderId="7" xfId="0" applyFont="1" applyBorder="1" applyAlignment="1">
      <alignment horizontal="center"/>
    </xf>
    <xf numFmtId="0" fontId="3" fillId="0" borderId="8" xfId="0" applyFont="1" applyBorder="1" applyAlignment="1">
      <alignment horizontal="center"/>
    </xf>
    <xf numFmtId="0" fontId="3" fillId="0" borderId="9" xfId="0" applyFont="1" applyBorder="1" applyAlignment="1" applyProtection="1">
      <alignment horizontal="center" vertical="center" wrapText="1"/>
    </xf>
    <xf numFmtId="0" fontId="3" fillId="0" borderId="10" xfId="0" applyFont="1" applyBorder="1" applyAlignment="1" applyProtection="1">
      <alignment horizontal="center" vertical="center" wrapText="1"/>
    </xf>
    <xf numFmtId="0" fontId="3" fillId="0" borderId="31" xfId="0" applyFont="1" applyBorder="1" applyAlignment="1" applyProtection="1">
      <alignment horizontal="center" vertical="center" wrapText="1"/>
    </xf>
    <xf numFmtId="0" fontId="3" fillId="0" borderId="32" xfId="0" applyFont="1" applyBorder="1" applyAlignment="1" applyProtection="1">
      <alignment horizontal="center" vertical="center" wrapText="1"/>
    </xf>
    <xf numFmtId="0" fontId="3" fillId="0" borderId="37" xfId="0" applyFont="1" applyBorder="1" applyAlignment="1" applyProtection="1">
      <alignment horizontal="center" vertical="center" wrapText="1"/>
    </xf>
    <xf numFmtId="0" fontId="3" fillId="0" borderId="33" xfId="0" applyFont="1" applyBorder="1" applyAlignment="1" applyProtection="1">
      <alignment horizontal="center" vertical="center" wrapText="1"/>
    </xf>
    <xf numFmtId="0" fontId="3" fillId="0" borderId="3" xfId="0" applyFont="1" applyBorder="1" applyAlignment="1" applyProtection="1">
      <alignment horizontal="center" vertical="center"/>
    </xf>
    <xf numFmtId="0" fontId="3" fillId="0" borderId="0" xfId="0" applyFont="1" applyBorder="1" applyAlignment="1" applyProtection="1">
      <alignment horizontal="center" vertical="center"/>
    </xf>
    <xf numFmtId="0" fontId="3" fillId="0" borderId="45" xfId="0" applyFont="1" applyBorder="1" applyAlignment="1" applyProtection="1">
      <alignment horizontal="center" vertical="center"/>
    </xf>
    <xf numFmtId="0" fontId="3" fillId="0" borderId="10" xfId="0" applyFont="1" applyBorder="1" applyAlignment="1" applyProtection="1">
      <alignment horizontal="center" vertical="center"/>
    </xf>
    <xf numFmtId="0" fontId="3" fillId="0" borderId="11" xfId="0" applyFont="1" applyBorder="1" applyAlignment="1" applyProtection="1">
      <alignment horizontal="center" vertical="center"/>
    </xf>
    <xf numFmtId="0" fontId="3" fillId="0" borderId="12" xfId="0" applyFont="1" applyBorder="1" applyAlignment="1" applyProtection="1">
      <alignment horizontal="center" vertical="center"/>
    </xf>
    <xf numFmtId="0" fontId="3" fillId="0" borderId="33" xfId="0" applyFont="1" applyBorder="1" applyAlignment="1" applyProtection="1">
      <alignment horizontal="center" vertical="center"/>
    </xf>
    <xf numFmtId="0" fontId="3" fillId="0" borderId="34" xfId="0" applyFont="1" applyBorder="1" applyAlignment="1" applyProtection="1">
      <alignment horizontal="center" vertical="center"/>
    </xf>
    <xf numFmtId="0" fontId="3" fillId="0" borderId="35" xfId="0" applyFont="1" applyBorder="1" applyAlignment="1" applyProtection="1">
      <alignment horizontal="center" vertical="center"/>
    </xf>
    <xf numFmtId="0" fontId="3" fillId="0" borderId="2" xfId="0" applyFont="1" applyBorder="1" applyAlignment="1">
      <alignment horizontal="center" vertical="center"/>
    </xf>
    <xf numFmtId="0" fontId="3" fillId="0" borderId="3" xfId="0" applyFont="1" applyBorder="1" applyAlignment="1">
      <alignment horizontal="center" vertical="center"/>
    </xf>
    <xf numFmtId="0" fontId="3" fillId="0" borderId="14" xfId="0" applyFont="1" applyBorder="1" applyAlignment="1">
      <alignment horizontal="center" vertical="center"/>
    </xf>
    <xf numFmtId="0" fontId="3" fillId="0" borderId="0" xfId="0" applyFont="1" applyBorder="1" applyAlignment="1">
      <alignment horizontal="center" vertical="center"/>
    </xf>
    <xf numFmtId="0" fontId="3" fillId="0" borderId="56" xfId="0" applyFont="1" applyBorder="1" applyAlignment="1">
      <alignment horizontal="center" vertical="center"/>
    </xf>
    <xf numFmtId="0" fontId="3" fillId="0" borderId="57" xfId="0" applyFont="1" applyBorder="1" applyAlignment="1">
      <alignment horizontal="center" vertical="center"/>
    </xf>
    <xf numFmtId="0" fontId="3" fillId="0" borderId="31" xfId="0" applyFont="1" applyBorder="1" applyAlignment="1" applyProtection="1">
      <alignment horizontal="distributed" vertical="center" justifyLastLine="1"/>
    </xf>
    <xf numFmtId="0" fontId="3" fillId="0" borderId="25" xfId="0" applyFont="1" applyBorder="1" applyAlignment="1">
      <alignment horizontal="distributed" vertical="center" justifyLastLine="1"/>
    </xf>
    <xf numFmtId="0" fontId="3" fillId="0" borderId="15" xfId="0" applyFont="1" applyBorder="1" applyAlignment="1" applyProtection="1">
      <alignment horizontal="distributed" vertical="center" justifyLastLine="1"/>
    </xf>
    <xf numFmtId="0" fontId="3" fillId="0" borderId="16" xfId="0" applyFont="1" applyBorder="1" applyAlignment="1">
      <alignment horizontal="distributed" vertical="center" justifyLastLine="1"/>
    </xf>
    <xf numFmtId="0" fontId="3" fillId="0" borderId="36" xfId="0" applyFont="1" applyBorder="1" applyAlignment="1">
      <alignment horizontal="distributed" vertical="center" justifyLastLine="1"/>
    </xf>
    <xf numFmtId="0" fontId="3" fillId="0" borderId="15" xfId="0" applyFont="1" applyFill="1" applyBorder="1" applyAlignment="1" applyProtection="1">
      <alignment horizontal="distributed" vertical="center" justifyLastLine="1"/>
    </xf>
    <xf numFmtId="0" fontId="3" fillId="0" borderId="16" xfId="0" applyFont="1" applyFill="1" applyBorder="1" applyAlignment="1">
      <alignment horizontal="distributed" vertical="center" justifyLastLine="1"/>
    </xf>
    <xf numFmtId="0" fontId="3" fillId="0" borderId="36" xfId="0" applyFont="1" applyFill="1" applyBorder="1" applyAlignment="1">
      <alignment horizontal="distributed" vertical="center" justifyLastLine="1"/>
    </xf>
    <xf numFmtId="0" fontId="3" fillId="0" borderId="15" xfId="0" applyFont="1" applyBorder="1" applyAlignment="1" applyProtection="1">
      <alignment horizontal="center" vertical="center"/>
    </xf>
    <xf numFmtId="0" fontId="3" fillId="0" borderId="16" xfId="0" applyFont="1" applyBorder="1" applyAlignment="1" applyProtection="1">
      <alignment horizontal="center" vertical="center"/>
    </xf>
    <xf numFmtId="0" fontId="3" fillId="0" borderId="17" xfId="0" applyFont="1" applyFill="1" applyBorder="1" applyAlignment="1" applyProtection="1">
      <alignment horizontal="distributed" vertical="center" justifyLastLine="1"/>
    </xf>
    <xf numFmtId="0" fontId="3" fillId="0" borderId="18" xfId="0" applyFont="1" applyFill="1" applyBorder="1" applyAlignment="1" applyProtection="1">
      <alignment horizontal="distributed" vertical="center" justifyLastLine="1"/>
    </xf>
    <xf numFmtId="0" fontId="3" fillId="0" borderId="19" xfId="0" applyFont="1" applyFill="1" applyBorder="1" applyAlignment="1" applyProtection="1">
      <alignment horizontal="distributed" vertical="center" justifyLastLine="1"/>
    </xf>
    <xf numFmtId="0" fontId="3" fillId="0" borderId="37" xfId="0" applyFont="1" applyFill="1" applyBorder="1" applyAlignment="1" applyProtection="1">
      <alignment horizontal="distributed" vertical="center" justifyLastLine="1"/>
    </xf>
    <xf numFmtId="0" fontId="3" fillId="0" borderId="24" xfId="0" applyFont="1" applyFill="1" applyBorder="1" applyAlignment="1" applyProtection="1">
      <alignment horizontal="distributed" vertical="center" justifyLastLine="1"/>
    </xf>
    <xf numFmtId="0" fontId="3" fillId="0" borderId="38" xfId="0" applyFont="1" applyFill="1" applyBorder="1" applyAlignment="1" applyProtection="1">
      <alignment horizontal="distributed" vertical="center" justifyLastLine="1"/>
    </xf>
    <xf numFmtId="0" fontId="3" fillId="0" borderId="20" xfId="0" applyFont="1" applyBorder="1" applyAlignment="1" applyProtection="1">
      <alignment horizontal="distributed" vertical="center" justifyLastLine="1"/>
    </xf>
    <xf numFmtId="0" fontId="3" fillId="0" borderId="18" xfId="0" applyFont="1" applyBorder="1" applyAlignment="1" applyProtection="1">
      <alignment horizontal="distributed" vertical="center" justifyLastLine="1"/>
    </xf>
    <xf numFmtId="0" fontId="3" fillId="0" borderId="21" xfId="0" applyFont="1" applyBorder="1" applyAlignment="1" applyProtection="1">
      <alignment horizontal="distributed" vertical="center" justifyLastLine="1"/>
    </xf>
    <xf numFmtId="0" fontId="3" fillId="0" borderId="23" xfId="0" applyFont="1" applyBorder="1" applyAlignment="1" applyProtection="1">
      <alignment horizontal="distributed" vertical="center" justifyLastLine="1"/>
    </xf>
    <xf numFmtId="0" fontId="3" fillId="0" borderId="24" xfId="0" applyFont="1" applyBorder="1" applyAlignment="1" applyProtection="1">
      <alignment horizontal="distributed" vertical="center" justifyLastLine="1"/>
    </xf>
    <xf numFmtId="0" fontId="3" fillId="0" borderId="39" xfId="0" applyFont="1" applyBorder="1" applyAlignment="1" applyProtection="1">
      <alignment horizontal="distributed" vertical="center" justifyLastLine="1"/>
    </xf>
    <xf numFmtId="0" fontId="3" fillId="0" borderId="24" xfId="0" applyFont="1" applyBorder="1" applyAlignment="1">
      <alignment horizontal="distributed" vertical="center" justifyLastLine="1"/>
    </xf>
    <xf numFmtId="0" fontId="4" fillId="0" borderId="22" xfId="0" applyFont="1" applyBorder="1" applyAlignment="1" applyProtection="1">
      <alignment horizontal="distributed" vertical="center" wrapText="1" justifyLastLine="1"/>
    </xf>
    <xf numFmtId="0" fontId="4" fillId="0" borderId="48" xfId="0" applyFont="1" applyBorder="1" applyAlignment="1" applyProtection="1">
      <alignment horizontal="distributed" vertical="center" wrapText="1" justifyLastLine="1"/>
    </xf>
    <xf numFmtId="0" fontId="3" fillId="0" borderId="26" xfId="0" applyFont="1" applyBorder="1" applyAlignment="1" applyProtection="1">
      <alignment horizontal="center" vertical="center"/>
    </xf>
    <xf numFmtId="0" fontId="3" fillId="0" borderId="27" xfId="0" applyFont="1" applyBorder="1" applyAlignment="1" applyProtection="1">
      <alignment horizontal="center" vertical="center"/>
    </xf>
    <xf numFmtId="0" fontId="0" fillId="0" borderId="27" xfId="0" applyFont="1" applyBorder="1" applyAlignment="1">
      <alignment horizontal="center" vertical="center"/>
    </xf>
    <xf numFmtId="0" fontId="0" fillId="0" borderId="28" xfId="0" applyFont="1" applyBorder="1" applyAlignment="1">
      <alignment horizontal="center" vertical="center"/>
    </xf>
    <xf numFmtId="0" fontId="3" fillId="0" borderId="29" xfId="0" applyFont="1" applyBorder="1" applyAlignment="1" applyProtection="1">
      <alignment horizontal="distributed" vertical="center" justifyLastLine="1"/>
    </xf>
    <xf numFmtId="0" fontId="3" fillId="0" borderId="30" xfId="0" applyFont="1" applyBorder="1" applyAlignment="1" applyProtection="1">
      <alignment horizontal="distributed" vertical="center" justifyLastLine="1"/>
    </xf>
    <xf numFmtId="0" fontId="3" fillId="0" borderId="37" xfId="0" applyFont="1" applyBorder="1" applyAlignment="1" applyProtection="1">
      <alignment horizontal="distributed" vertical="center" justifyLastLine="1"/>
    </xf>
    <xf numFmtId="0" fontId="3" fillId="0" borderId="32" xfId="0" applyFont="1" applyBorder="1" applyAlignment="1">
      <alignment horizontal="distributed" vertical="center" justifyLastLine="1"/>
    </xf>
    <xf numFmtId="0" fontId="3" fillId="0" borderId="95" xfId="0" applyFont="1" applyFill="1" applyBorder="1" applyAlignment="1">
      <alignment horizontal="distributed" vertical="center" justifyLastLine="1"/>
    </xf>
    <xf numFmtId="0" fontId="3" fillId="0" borderId="96" xfId="0" applyFont="1" applyBorder="1" applyAlignment="1">
      <alignment horizontal="distributed" vertical="center" justifyLastLine="1"/>
    </xf>
    <xf numFmtId="0" fontId="3" fillId="0" borderId="105" xfId="0" applyFont="1" applyBorder="1" applyAlignment="1">
      <alignment horizontal="distributed" vertical="center" justifyLastLine="1"/>
    </xf>
    <xf numFmtId="0" fontId="3" fillId="0" borderId="40" xfId="0" applyFont="1" applyBorder="1" applyAlignment="1">
      <alignment horizontal="distributed" vertical="center" justifyLastLine="1"/>
    </xf>
    <xf numFmtId="0" fontId="3" fillId="0" borderId="41" xfId="0" applyFont="1" applyBorder="1" applyAlignment="1">
      <alignment horizontal="distributed" vertical="center" justifyLastLine="1"/>
    </xf>
    <xf numFmtId="0" fontId="3" fillId="0" borderId="42" xfId="0" applyFont="1" applyBorder="1" applyAlignment="1" applyProtection="1">
      <alignment horizontal="distributed" vertical="center" justifyLastLine="1"/>
    </xf>
    <xf numFmtId="0" fontId="3" fillId="0" borderId="54" xfId="0" applyFont="1" applyBorder="1" applyAlignment="1" applyProtection="1">
      <alignment horizontal="distributed" vertical="center" justifyLastLine="1"/>
    </xf>
    <xf numFmtId="0" fontId="3" fillId="0" borderId="42" xfId="0" applyFont="1" applyBorder="1" applyAlignment="1" applyProtection="1">
      <alignment horizontal="center" vertical="center" justifyLastLine="1"/>
    </xf>
    <xf numFmtId="0" fontId="3" fillId="0" borderId="54" xfId="0" applyFont="1" applyBorder="1" applyAlignment="1" applyProtection="1">
      <alignment horizontal="center" vertical="center" justifyLastLine="1"/>
    </xf>
    <xf numFmtId="0" fontId="3" fillId="0" borderId="43" xfId="0" applyFont="1" applyBorder="1" applyAlignment="1" applyProtection="1">
      <alignment horizontal="center" vertical="center" justifyLastLine="1"/>
    </xf>
    <xf numFmtId="0" fontId="3" fillId="0" borderId="55" xfId="0" applyFont="1" applyBorder="1" applyAlignment="1" applyProtection="1">
      <alignment horizontal="center" vertical="center" justifyLastLine="1"/>
    </xf>
    <xf numFmtId="0" fontId="3" fillId="0" borderId="81" xfId="0" applyFont="1" applyFill="1" applyBorder="1" applyAlignment="1">
      <alignment horizontal="distributed" vertical="center" justifyLastLine="1"/>
    </xf>
    <xf numFmtId="0" fontId="3" fillId="0" borderId="82" xfId="0" applyFont="1" applyBorder="1" applyAlignment="1">
      <alignment horizontal="distributed" vertical="center" justifyLastLine="1"/>
    </xf>
    <xf numFmtId="0" fontId="3" fillId="0" borderId="85" xfId="0" applyFont="1" applyFill="1" applyBorder="1" applyAlignment="1">
      <alignment horizontal="distributed" vertical="center" justifyLastLine="1"/>
    </xf>
    <xf numFmtId="0" fontId="3" fillId="0" borderId="86" xfId="0" applyFont="1" applyBorder="1" applyAlignment="1">
      <alignment horizontal="distributed" vertical="center" justifyLastLine="1"/>
    </xf>
    <xf numFmtId="0" fontId="3" fillId="0" borderId="15" xfId="0" applyFont="1" applyBorder="1" applyAlignment="1">
      <alignment horizontal="center" vertical="center" justifyLastLine="1"/>
    </xf>
    <xf numFmtId="0" fontId="3" fillId="0" borderId="36" xfId="0" applyFont="1" applyBorder="1" applyAlignment="1">
      <alignment horizontal="center" vertical="center" justifyLastLine="1"/>
    </xf>
    <xf numFmtId="0" fontId="3" fillId="0" borderId="107" xfId="0" applyFont="1" applyBorder="1" applyAlignment="1">
      <alignment horizontal="center" vertical="center" justifyLastLine="1"/>
    </xf>
    <xf numFmtId="0" fontId="3" fillId="0" borderId="37" xfId="0" applyFont="1" applyBorder="1" applyAlignment="1">
      <alignment horizontal="center" vertical="center" justifyLastLine="1"/>
    </xf>
    <xf numFmtId="0" fontId="3" fillId="0" borderId="24" xfId="0" applyFont="1" applyBorder="1" applyAlignment="1">
      <alignment horizontal="center" vertical="center" justifyLastLine="1"/>
    </xf>
    <xf numFmtId="0" fontId="3" fillId="0" borderId="39" xfId="0" applyFont="1" applyBorder="1" applyAlignment="1">
      <alignment horizontal="distributed" vertical="center" justifyLastLine="1"/>
    </xf>
    <xf numFmtId="0" fontId="3" fillId="0" borderId="88" xfId="0" applyFont="1" applyBorder="1" applyAlignment="1">
      <alignment horizontal="distributed" vertical="center" justifyLastLine="1"/>
    </xf>
  </cellXfs>
  <cellStyles count="2">
    <cellStyle name="桁区切り" xfId="1" builtinId="6"/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BY64"/>
  <sheetViews>
    <sheetView tabSelected="1" view="pageBreakPreview" topLeftCell="BA1" zoomScaleNormal="100" workbookViewId="0">
      <selection activeCell="AE19" sqref="AE19"/>
    </sheetView>
  </sheetViews>
  <sheetFormatPr defaultRowHeight="10.5" x14ac:dyDescent="0.15"/>
  <cols>
    <col min="1" max="1" width="3.625" style="4" customWidth="1"/>
    <col min="2" max="2" width="10" style="4" customWidth="1"/>
    <col min="3" max="3" width="8" style="4" customWidth="1"/>
    <col min="4" max="4" width="8.75" style="4" customWidth="1"/>
    <col min="5" max="5" width="11.875" style="4" customWidth="1"/>
    <col min="6" max="6" width="8.125" style="4" customWidth="1"/>
    <col min="7" max="7" width="8.75" style="4" customWidth="1"/>
    <col min="8" max="8" width="11.875" style="4" customWidth="1"/>
    <col min="9" max="9" width="8" style="4" customWidth="1"/>
    <col min="10" max="10" width="8.75" style="4" customWidth="1"/>
    <col min="11" max="11" width="11.875" style="4" customWidth="1"/>
    <col min="12" max="12" width="8.125" style="4" customWidth="1"/>
    <col min="13" max="13" width="9.5" style="4" customWidth="1"/>
    <col min="14" max="14" width="12.5" style="4" customWidth="1"/>
    <col min="15" max="15" width="8.125" style="4" customWidth="1"/>
    <col min="16" max="16" width="9.375" style="4" customWidth="1"/>
    <col min="17" max="17" width="11.875" style="4" customWidth="1"/>
    <col min="18" max="18" width="3.625" style="4" customWidth="1"/>
    <col min="19" max="19" width="10" style="4" customWidth="1"/>
    <col min="20" max="21" width="7.5" style="4" customWidth="1"/>
    <col min="22" max="22" width="10" style="4" customWidth="1"/>
    <col min="23" max="24" width="6.25" style="4" customWidth="1"/>
    <col min="25" max="25" width="10" style="4" customWidth="1"/>
    <col min="26" max="26" width="9.375" style="4" customWidth="1"/>
    <col min="27" max="27" width="13.75" style="4" customWidth="1"/>
    <col min="28" max="29" width="6.625" style="4" customWidth="1"/>
    <col min="30" max="30" width="10.625" style="4" customWidth="1"/>
    <col min="31" max="31" width="6.625" style="4" customWidth="1"/>
    <col min="32" max="32" width="10.625" style="4" customWidth="1"/>
    <col min="33" max="33" width="6.625" style="4" customWidth="1"/>
    <col min="34" max="34" width="10" style="4" customWidth="1"/>
    <col min="35" max="35" width="6.625" style="4" customWidth="1"/>
    <col min="36" max="36" width="10" style="4" customWidth="1"/>
    <col min="37" max="37" width="3.625" style="4" customWidth="1"/>
    <col min="38" max="38" width="10" style="4" customWidth="1"/>
    <col min="39" max="39" width="6.625" style="4" customWidth="1"/>
    <col min="40" max="40" width="10.625" style="4" customWidth="1"/>
    <col min="41" max="41" width="6.625" style="4" customWidth="1"/>
    <col min="42" max="42" width="8.375" style="4" customWidth="1"/>
    <col min="43" max="43" width="6.25" style="4" customWidth="1"/>
    <col min="44" max="44" width="13.125" style="4" customWidth="1"/>
    <col min="45" max="45" width="4.25" style="4" customWidth="1"/>
    <col min="46" max="46" width="10" style="4" customWidth="1"/>
    <col min="47" max="47" width="5.625" style="4" customWidth="1"/>
    <col min="48" max="48" width="8.125" style="4" customWidth="1"/>
    <col min="49" max="49" width="10.625" style="4" customWidth="1"/>
    <col min="50" max="50" width="15" style="4" customWidth="1"/>
    <col min="51" max="51" width="3.625" style="4" hidden="1" customWidth="1"/>
    <col min="52" max="52" width="9.625" style="4" hidden="1" customWidth="1"/>
    <col min="53" max="54" width="15" style="4" customWidth="1"/>
    <col min="55" max="55" width="13.75" style="4" customWidth="1"/>
    <col min="56" max="56" width="3.625" style="4" customWidth="1"/>
    <col min="57" max="57" width="10" style="4" customWidth="1"/>
    <col min="58" max="58" width="7.875" style="4" customWidth="1"/>
    <col min="59" max="59" width="15.5" style="4" customWidth="1"/>
    <col min="60" max="60" width="8.25" style="4" customWidth="1"/>
    <col min="61" max="61" width="13.75" style="4" customWidth="1"/>
    <col min="62" max="62" width="2.5" style="4" customWidth="1"/>
    <col min="63" max="16384" width="9" style="4"/>
  </cols>
  <sheetData>
    <row r="1" spans="1:61" s="97" customFormat="1" ht="12.75" customHeight="1" x14ac:dyDescent="0.15">
      <c r="A1" s="94" t="s">
        <v>0</v>
      </c>
      <c r="B1" s="95"/>
      <c r="C1" s="95"/>
      <c r="D1" s="95"/>
      <c r="E1" s="95"/>
      <c r="F1" s="95"/>
      <c r="G1" s="95"/>
      <c r="H1" s="95"/>
      <c r="I1" s="95"/>
      <c r="J1" s="95"/>
      <c r="K1" s="95"/>
      <c r="L1" s="95"/>
      <c r="M1" s="95"/>
      <c r="N1" s="95"/>
      <c r="O1" s="95"/>
      <c r="P1" s="95"/>
      <c r="Q1" s="121" t="s">
        <v>1</v>
      </c>
      <c r="R1" s="96" t="s">
        <v>2</v>
      </c>
      <c r="S1" s="95"/>
      <c r="T1" s="95"/>
      <c r="U1" s="95"/>
      <c r="V1" s="95"/>
      <c r="W1" s="95"/>
      <c r="X1" s="95"/>
      <c r="Y1" s="95"/>
      <c r="Z1" s="95"/>
      <c r="AA1" s="95"/>
      <c r="AB1" s="95"/>
      <c r="AC1" s="95"/>
      <c r="AD1" s="95"/>
      <c r="AE1" s="95"/>
      <c r="AF1" s="95"/>
      <c r="AG1" s="95"/>
      <c r="AH1" s="95"/>
      <c r="AI1" s="95"/>
      <c r="AJ1" s="121" t="s">
        <v>1</v>
      </c>
      <c r="AK1" s="96" t="s">
        <v>3</v>
      </c>
      <c r="AL1" s="95"/>
      <c r="AM1" s="95"/>
      <c r="AN1" s="95"/>
      <c r="AO1" s="95"/>
      <c r="AP1" s="95"/>
      <c r="AQ1" s="95"/>
      <c r="AR1" s="95"/>
      <c r="AS1" s="95"/>
      <c r="AT1" s="95"/>
      <c r="AU1" s="95"/>
      <c r="AV1" s="95"/>
      <c r="AW1" s="95"/>
      <c r="AX1" s="95"/>
      <c r="AY1" s="94" t="s">
        <v>4</v>
      </c>
      <c r="AZ1" s="95"/>
      <c r="BB1" s="95"/>
      <c r="BC1" s="121" t="s">
        <v>1</v>
      </c>
      <c r="BD1" s="96" t="s">
        <v>5</v>
      </c>
      <c r="BE1" s="95"/>
      <c r="BF1" s="95"/>
      <c r="BG1" s="95"/>
      <c r="BI1" s="121" t="s">
        <v>1</v>
      </c>
    </row>
    <row r="2" spans="1:61" ht="10.5" customHeight="1" thickBot="1" x14ac:dyDescent="0.2">
      <c r="A2" s="1"/>
      <c r="B2" s="2"/>
      <c r="C2" s="2"/>
      <c r="D2" s="2"/>
      <c r="E2" s="2"/>
      <c r="F2" s="2"/>
      <c r="G2" s="2"/>
      <c r="H2" s="2"/>
      <c r="I2" s="2"/>
      <c r="J2" s="2"/>
      <c r="K2" s="2"/>
      <c r="L2" s="2"/>
      <c r="M2" s="2"/>
      <c r="N2" s="2"/>
      <c r="O2" s="2"/>
      <c r="P2" s="2"/>
      <c r="Q2" s="122"/>
      <c r="R2" s="3"/>
      <c r="S2" s="2"/>
      <c r="T2" s="2"/>
      <c r="U2" s="2"/>
      <c r="V2" s="2"/>
      <c r="W2" s="2"/>
      <c r="X2" s="2"/>
      <c r="Y2" s="2"/>
      <c r="Z2" s="2"/>
      <c r="AA2" s="2"/>
      <c r="AB2" s="2"/>
      <c r="AC2" s="2"/>
      <c r="AD2" s="2"/>
      <c r="AE2" s="2"/>
      <c r="AF2" s="2"/>
      <c r="AG2" s="2"/>
      <c r="AH2" s="2"/>
      <c r="AI2" s="2"/>
      <c r="AJ2" s="122"/>
      <c r="AK2" s="3"/>
      <c r="AL2" s="2"/>
      <c r="AM2" s="2"/>
      <c r="AN2" s="2"/>
      <c r="AO2" s="2"/>
      <c r="AP2" s="2"/>
      <c r="AQ2" s="2"/>
      <c r="AR2" s="2"/>
      <c r="AS2" s="2"/>
      <c r="AT2" s="2"/>
      <c r="AU2" s="2"/>
      <c r="AV2" s="2"/>
      <c r="AW2" s="2"/>
      <c r="AX2" s="2"/>
      <c r="AY2" s="1"/>
      <c r="AZ2" s="2"/>
      <c r="BB2" s="2"/>
      <c r="BC2" s="122"/>
      <c r="BD2" s="3"/>
      <c r="BE2" s="2"/>
      <c r="BF2" s="2"/>
      <c r="BG2" s="5"/>
      <c r="BI2" s="122"/>
    </row>
    <row r="3" spans="1:61" s="9" customFormat="1" ht="10.5" customHeight="1" x14ac:dyDescent="0.15">
      <c r="A3" s="123" t="s">
        <v>6</v>
      </c>
      <c r="B3" s="124"/>
      <c r="C3" s="129" t="s">
        <v>7</v>
      </c>
      <c r="D3" s="130"/>
      <c r="E3" s="130"/>
      <c r="F3" s="130"/>
      <c r="G3" s="130"/>
      <c r="H3" s="130"/>
      <c r="I3" s="130"/>
      <c r="J3" s="130"/>
      <c r="K3" s="130"/>
      <c r="L3" s="130"/>
      <c r="M3" s="130"/>
      <c r="N3" s="130"/>
      <c r="O3" s="130"/>
      <c r="P3" s="130"/>
      <c r="Q3" s="131"/>
      <c r="R3" s="123" t="s">
        <v>6</v>
      </c>
      <c r="S3" s="124"/>
      <c r="T3" s="129" t="s">
        <v>8</v>
      </c>
      <c r="U3" s="130"/>
      <c r="V3" s="130"/>
      <c r="W3" s="130"/>
      <c r="X3" s="130"/>
      <c r="Y3" s="130"/>
      <c r="Z3" s="130"/>
      <c r="AA3" s="130"/>
      <c r="AB3" s="132" t="s">
        <v>9</v>
      </c>
      <c r="AC3" s="133"/>
      <c r="AD3" s="133"/>
      <c r="AE3" s="133"/>
      <c r="AF3" s="133"/>
      <c r="AG3" s="133"/>
      <c r="AH3" s="133"/>
      <c r="AI3" s="133"/>
      <c r="AJ3" s="134"/>
      <c r="AK3" s="123" t="s">
        <v>6</v>
      </c>
      <c r="AL3" s="124"/>
      <c r="AM3" s="135" t="s">
        <v>10</v>
      </c>
      <c r="AN3" s="136"/>
      <c r="AO3" s="136"/>
      <c r="AP3" s="136"/>
      <c r="AQ3" s="136"/>
      <c r="AR3" s="136"/>
      <c r="AS3" s="136"/>
      <c r="AT3" s="136"/>
      <c r="AU3" s="136"/>
      <c r="AV3" s="136"/>
      <c r="AW3" s="137" t="s">
        <v>11</v>
      </c>
      <c r="AX3" s="138"/>
      <c r="AY3" s="143" t="s">
        <v>6</v>
      </c>
      <c r="AZ3" s="143"/>
      <c r="BA3" s="146" t="s">
        <v>12</v>
      </c>
      <c r="BB3" s="147"/>
      <c r="BC3" s="148"/>
      <c r="BD3" s="152" t="s">
        <v>13</v>
      </c>
      <c r="BE3" s="153"/>
      <c r="BF3" s="6"/>
      <c r="BG3" s="7"/>
      <c r="BH3" s="6"/>
      <c r="BI3" s="8"/>
    </row>
    <row r="4" spans="1:61" s="14" customFormat="1" ht="10.5" customHeight="1" x14ac:dyDescent="0.15">
      <c r="A4" s="125"/>
      <c r="B4" s="126"/>
      <c r="C4" s="166" t="s">
        <v>14</v>
      </c>
      <c r="D4" s="167"/>
      <c r="E4" s="167"/>
      <c r="F4" s="167"/>
      <c r="G4" s="167"/>
      <c r="H4" s="167"/>
      <c r="I4" s="167"/>
      <c r="J4" s="167"/>
      <c r="K4" s="167"/>
      <c r="L4" s="167"/>
      <c r="M4" s="167"/>
      <c r="N4" s="167"/>
      <c r="O4" s="168" t="s">
        <v>15</v>
      </c>
      <c r="P4" s="169"/>
      <c r="Q4" s="170"/>
      <c r="R4" s="125"/>
      <c r="S4" s="126"/>
      <c r="T4" s="174" t="s">
        <v>16</v>
      </c>
      <c r="U4" s="175"/>
      <c r="V4" s="176"/>
      <c r="W4" s="174" t="s">
        <v>17</v>
      </c>
      <c r="X4" s="175"/>
      <c r="Y4" s="176"/>
      <c r="Z4" s="174" t="s">
        <v>18</v>
      </c>
      <c r="AA4" s="175"/>
      <c r="AB4" s="181" t="s">
        <v>19</v>
      </c>
      <c r="AC4" s="10" t="s">
        <v>20</v>
      </c>
      <c r="AD4" s="11"/>
      <c r="AE4" s="11"/>
      <c r="AF4" s="11"/>
      <c r="AG4" s="11"/>
      <c r="AH4" s="11"/>
      <c r="AI4" s="12"/>
      <c r="AJ4" s="13"/>
      <c r="AK4" s="125"/>
      <c r="AL4" s="126"/>
      <c r="AM4" s="183" t="s">
        <v>21</v>
      </c>
      <c r="AN4" s="184"/>
      <c r="AO4" s="184"/>
      <c r="AP4" s="184"/>
      <c r="AQ4" s="184"/>
      <c r="AR4" s="184"/>
      <c r="AS4" s="185"/>
      <c r="AT4" s="186"/>
      <c r="AU4" s="187" t="s">
        <v>22</v>
      </c>
      <c r="AV4" s="188"/>
      <c r="AW4" s="139"/>
      <c r="AX4" s="140"/>
      <c r="AY4" s="144"/>
      <c r="AZ4" s="144"/>
      <c r="BA4" s="149"/>
      <c r="BB4" s="150"/>
      <c r="BC4" s="151"/>
      <c r="BD4" s="154"/>
      <c r="BE4" s="155"/>
      <c r="BF4" s="158" t="s">
        <v>23</v>
      </c>
      <c r="BG4" s="190"/>
      <c r="BH4" s="158" t="s">
        <v>24</v>
      </c>
      <c r="BI4" s="159"/>
    </row>
    <row r="5" spans="1:61" s="14" customFormat="1" ht="10.5" customHeight="1" x14ac:dyDescent="0.15">
      <c r="A5" s="125"/>
      <c r="B5" s="126"/>
      <c r="C5" s="160" t="s">
        <v>25</v>
      </c>
      <c r="D5" s="161"/>
      <c r="E5" s="162"/>
      <c r="F5" s="160" t="s">
        <v>26</v>
      </c>
      <c r="G5" s="161"/>
      <c r="H5" s="162"/>
      <c r="I5" s="163" t="s">
        <v>27</v>
      </c>
      <c r="J5" s="164"/>
      <c r="K5" s="165"/>
      <c r="L5" s="160" t="s">
        <v>28</v>
      </c>
      <c r="M5" s="161"/>
      <c r="N5" s="161"/>
      <c r="O5" s="171"/>
      <c r="P5" s="172"/>
      <c r="Q5" s="173"/>
      <c r="R5" s="125"/>
      <c r="S5" s="126"/>
      <c r="T5" s="177"/>
      <c r="U5" s="178"/>
      <c r="V5" s="179"/>
      <c r="W5" s="177"/>
      <c r="X5" s="178"/>
      <c r="Y5" s="179"/>
      <c r="Z5" s="177"/>
      <c r="AA5" s="178"/>
      <c r="AB5" s="181"/>
      <c r="AC5" s="160" t="s">
        <v>29</v>
      </c>
      <c r="AD5" s="162"/>
      <c r="AE5" s="206" t="s">
        <v>30</v>
      </c>
      <c r="AF5" s="207"/>
      <c r="AG5" s="206" t="s">
        <v>31</v>
      </c>
      <c r="AH5" s="207"/>
      <c r="AI5" s="206" t="s">
        <v>32</v>
      </c>
      <c r="AJ5" s="208"/>
      <c r="AK5" s="125"/>
      <c r="AL5" s="126"/>
      <c r="AM5" s="209" t="s">
        <v>33</v>
      </c>
      <c r="AN5" s="210"/>
      <c r="AO5" s="189" t="s">
        <v>34</v>
      </c>
      <c r="AP5" s="211"/>
      <c r="AQ5" s="177" t="s">
        <v>35</v>
      </c>
      <c r="AR5" s="180"/>
      <c r="AS5" s="194" t="s">
        <v>36</v>
      </c>
      <c r="AT5" s="195"/>
      <c r="AU5" s="189"/>
      <c r="AV5" s="178"/>
      <c r="AW5" s="141"/>
      <c r="AX5" s="142"/>
      <c r="AY5" s="144"/>
      <c r="AZ5" s="144"/>
      <c r="BA5" s="196" t="s">
        <v>37</v>
      </c>
      <c r="BB5" s="198" t="s">
        <v>38</v>
      </c>
      <c r="BC5" s="200" t="s">
        <v>39</v>
      </c>
      <c r="BD5" s="154"/>
      <c r="BE5" s="155"/>
      <c r="BF5" s="15"/>
      <c r="BG5" s="16"/>
      <c r="BH5" s="15"/>
      <c r="BI5" s="17"/>
    </row>
    <row r="6" spans="1:61" s="14" customFormat="1" ht="10.5" customHeight="1" thickBot="1" x14ac:dyDescent="0.2">
      <c r="A6" s="127"/>
      <c r="B6" s="128"/>
      <c r="C6" s="18" t="s">
        <v>40</v>
      </c>
      <c r="D6" s="19" t="s">
        <v>41</v>
      </c>
      <c r="E6" s="20" t="s">
        <v>42</v>
      </c>
      <c r="F6" s="18" t="s">
        <v>40</v>
      </c>
      <c r="G6" s="19" t="s">
        <v>41</v>
      </c>
      <c r="H6" s="20" t="s">
        <v>42</v>
      </c>
      <c r="I6" s="18" t="s">
        <v>40</v>
      </c>
      <c r="J6" s="19" t="s">
        <v>41</v>
      </c>
      <c r="K6" s="20" t="s">
        <v>42</v>
      </c>
      <c r="L6" s="18" t="s">
        <v>40</v>
      </c>
      <c r="M6" s="19" t="s">
        <v>41</v>
      </c>
      <c r="N6" s="20" t="s">
        <v>42</v>
      </c>
      <c r="O6" s="21" t="s">
        <v>40</v>
      </c>
      <c r="P6" s="22" t="s">
        <v>43</v>
      </c>
      <c r="Q6" s="23" t="s">
        <v>42</v>
      </c>
      <c r="R6" s="127"/>
      <c r="S6" s="128"/>
      <c r="T6" s="18" t="s">
        <v>40</v>
      </c>
      <c r="U6" s="19" t="s">
        <v>41</v>
      </c>
      <c r="V6" s="20" t="s">
        <v>42</v>
      </c>
      <c r="W6" s="18" t="s">
        <v>40</v>
      </c>
      <c r="X6" s="19" t="s">
        <v>41</v>
      </c>
      <c r="Y6" s="20" t="s">
        <v>42</v>
      </c>
      <c r="Z6" s="18" t="s">
        <v>40</v>
      </c>
      <c r="AA6" s="20" t="s">
        <v>42</v>
      </c>
      <c r="AB6" s="182"/>
      <c r="AC6" s="20" t="s">
        <v>40</v>
      </c>
      <c r="AD6" s="18" t="s">
        <v>44</v>
      </c>
      <c r="AE6" s="20" t="s">
        <v>40</v>
      </c>
      <c r="AF6" s="18" t="s">
        <v>44</v>
      </c>
      <c r="AG6" s="20" t="s">
        <v>40</v>
      </c>
      <c r="AH6" s="18" t="s">
        <v>44</v>
      </c>
      <c r="AI6" s="20" t="s">
        <v>40</v>
      </c>
      <c r="AJ6" s="23" t="s">
        <v>44</v>
      </c>
      <c r="AK6" s="127"/>
      <c r="AL6" s="128"/>
      <c r="AM6" s="20" t="s">
        <v>40</v>
      </c>
      <c r="AN6" s="20" t="s">
        <v>44</v>
      </c>
      <c r="AO6" s="24" t="s">
        <v>40</v>
      </c>
      <c r="AP6" s="18" t="s">
        <v>44</v>
      </c>
      <c r="AQ6" s="20" t="s">
        <v>40</v>
      </c>
      <c r="AR6" s="25" t="s">
        <v>44</v>
      </c>
      <c r="AS6" s="26" t="s">
        <v>45</v>
      </c>
      <c r="AT6" s="19" t="s">
        <v>46</v>
      </c>
      <c r="AU6" s="24" t="s">
        <v>40</v>
      </c>
      <c r="AV6" s="27" t="s">
        <v>44</v>
      </c>
      <c r="AW6" s="24" t="s">
        <v>40</v>
      </c>
      <c r="AX6" s="28" t="s">
        <v>44</v>
      </c>
      <c r="AY6" s="145"/>
      <c r="AZ6" s="145"/>
      <c r="BA6" s="197"/>
      <c r="BB6" s="199"/>
      <c r="BC6" s="201"/>
      <c r="BD6" s="156"/>
      <c r="BE6" s="157"/>
      <c r="BF6" s="29" t="s">
        <v>40</v>
      </c>
      <c r="BG6" s="29" t="s">
        <v>47</v>
      </c>
      <c r="BH6" s="29" t="s">
        <v>40</v>
      </c>
      <c r="BI6" s="30" t="s">
        <v>47</v>
      </c>
    </row>
    <row r="7" spans="1:61" s="14" customFormat="1" ht="13.5" customHeight="1" thickTop="1" x14ac:dyDescent="0.15">
      <c r="A7" s="31">
        <v>1</v>
      </c>
      <c r="B7" s="32" t="s">
        <v>48</v>
      </c>
      <c r="C7" s="33">
        <v>2254</v>
      </c>
      <c r="D7" s="33">
        <v>30711</v>
      </c>
      <c r="E7" s="33">
        <v>1332450650</v>
      </c>
      <c r="F7" s="33">
        <v>102242</v>
      </c>
      <c r="G7" s="33">
        <v>162556</v>
      </c>
      <c r="H7" s="33">
        <v>1568168350</v>
      </c>
      <c r="I7" s="33">
        <v>25390</v>
      </c>
      <c r="J7" s="33">
        <v>47972</v>
      </c>
      <c r="K7" s="33">
        <v>331919140</v>
      </c>
      <c r="L7" s="34">
        <v>129886</v>
      </c>
      <c r="M7" s="34">
        <v>241239</v>
      </c>
      <c r="N7" s="34">
        <v>3232538140</v>
      </c>
      <c r="O7" s="33">
        <v>73727</v>
      </c>
      <c r="P7" s="33">
        <v>88645</v>
      </c>
      <c r="Q7" s="35">
        <v>905662820</v>
      </c>
      <c r="R7" s="31">
        <v>1</v>
      </c>
      <c r="S7" s="32" t="s">
        <v>48</v>
      </c>
      <c r="T7" s="33">
        <v>2144</v>
      </c>
      <c r="U7" s="33">
        <v>74351</v>
      </c>
      <c r="V7" s="33">
        <v>50662961</v>
      </c>
      <c r="W7" s="33">
        <v>272</v>
      </c>
      <c r="X7" s="33">
        <v>1817</v>
      </c>
      <c r="Y7" s="33">
        <v>21594800</v>
      </c>
      <c r="Z7" s="34">
        <v>203885</v>
      </c>
      <c r="AA7" s="34">
        <v>4210458721</v>
      </c>
      <c r="AB7" s="33">
        <v>9</v>
      </c>
      <c r="AC7" s="33">
        <v>154</v>
      </c>
      <c r="AD7" s="33">
        <v>3252828</v>
      </c>
      <c r="AE7" s="33">
        <v>89</v>
      </c>
      <c r="AF7" s="33">
        <v>4706390</v>
      </c>
      <c r="AG7" s="33">
        <v>4460</v>
      </c>
      <c r="AH7" s="33">
        <v>34232053</v>
      </c>
      <c r="AI7" s="33">
        <v>336</v>
      </c>
      <c r="AJ7" s="35">
        <v>12540185</v>
      </c>
      <c r="AK7" s="31">
        <v>1</v>
      </c>
      <c r="AL7" s="36" t="s">
        <v>48</v>
      </c>
      <c r="AM7" s="33">
        <v>256</v>
      </c>
      <c r="AN7" s="33">
        <v>2724090</v>
      </c>
      <c r="AO7" s="33">
        <v>0</v>
      </c>
      <c r="AP7" s="33">
        <v>0</v>
      </c>
      <c r="AQ7" s="37">
        <v>5295</v>
      </c>
      <c r="AR7" s="33">
        <v>57455546</v>
      </c>
      <c r="AS7" s="33">
        <v>28</v>
      </c>
      <c r="AT7" s="33">
        <v>1321436</v>
      </c>
      <c r="AU7" s="37">
        <v>0</v>
      </c>
      <c r="AV7" s="33">
        <v>0</v>
      </c>
      <c r="AW7" s="38">
        <v>209189</v>
      </c>
      <c r="AX7" s="39">
        <v>4267914267</v>
      </c>
      <c r="AY7" s="40">
        <v>1</v>
      </c>
      <c r="AZ7" s="41" t="s">
        <v>49</v>
      </c>
      <c r="BA7" s="42">
        <v>2981368975</v>
      </c>
      <c r="BB7" s="43">
        <v>1174145006</v>
      </c>
      <c r="BC7" s="35">
        <v>112400286</v>
      </c>
      <c r="BD7" s="31">
        <v>1</v>
      </c>
      <c r="BE7" s="44" t="s">
        <v>48</v>
      </c>
      <c r="BF7" s="43">
        <v>5727</v>
      </c>
      <c r="BG7" s="43">
        <v>511033351</v>
      </c>
      <c r="BH7" s="43">
        <v>0</v>
      </c>
      <c r="BI7" s="35">
        <v>0</v>
      </c>
    </row>
    <row r="8" spans="1:61" s="14" customFormat="1" ht="13.5" customHeight="1" x14ac:dyDescent="0.15">
      <c r="A8" s="31">
        <v>2</v>
      </c>
      <c r="B8" s="45" t="s">
        <v>50</v>
      </c>
      <c r="C8" s="33">
        <v>1206</v>
      </c>
      <c r="D8" s="33">
        <v>17891</v>
      </c>
      <c r="E8" s="33">
        <v>779540330</v>
      </c>
      <c r="F8" s="33">
        <v>45001</v>
      </c>
      <c r="G8" s="33">
        <v>72695</v>
      </c>
      <c r="H8" s="33">
        <v>753687233</v>
      </c>
      <c r="I8" s="33">
        <v>11533</v>
      </c>
      <c r="J8" s="33">
        <v>22190</v>
      </c>
      <c r="K8" s="33">
        <v>147854950</v>
      </c>
      <c r="L8" s="34">
        <v>57740</v>
      </c>
      <c r="M8" s="34">
        <v>112776</v>
      </c>
      <c r="N8" s="34">
        <v>1681082513</v>
      </c>
      <c r="O8" s="33">
        <v>33672</v>
      </c>
      <c r="P8" s="33">
        <v>40837</v>
      </c>
      <c r="Q8" s="35">
        <v>461304248</v>
      </c>
      <c r="R8" s="31">
        <v>2</v>
      </c>
      <c r="S8" s="45" t="s">
        <v>50</v>
      </c>
      <c r="T8" s="33">
        <v>1119</v>
      </c>
      <c r="U8" s="33">
        <v>42733</v>
      </c>
      <c r="V8" s="33">
        <v>30418289</v>
      </c>
      <c r="W8" s="33">
        <v>180</v>
      </c>
      <c r="X8" s="33">
        <v>1525</v>
      </c>
      <c r="Y8" s="33">
        <v>15333050</v>
      </c>
      <c r="Z8" s="34">
        <v>91592</v>
      </c>
      <c r="AA8" s="34">
        <v>2188138100</v>
      </c>
      <c r="AB8" s="33">
        <v>43</v>
      </c>
      <c r="AC8" s="33">
        <v>17</v>
      </c>
      <c r="AD8" s="33">
        <v>295562</v>
      </c>
      <c r="AE8" s="33">
        <v>66</v>
      </c>
      <c r="AF8" s="33">
        <v>1929381</v>
      </c>
      <c r="AG8" s="33">
        <v>2233</v>
      </c>
      <c r="AH8" s="33">
        <v>16988736</v>
      </c>
      <c r="AI8" s="33">
        <v>341</v>
      </c>
      <c r="AJ8" s="35">
        <v>9484750</v>
      </c>
      <c r="AK8" s="31">
        <v>2</v>
      </c>
      <c r="AL8" s="45" t="s">
        <v>50</v>
      </c>
      <c r="AM8" s="33">
        <v>185</v>
      </c>
      <c r="AN8" s="33">
        <v>2477925</v>
      </c>
      <c r="AO8" s="33">
        <v>0</v>
      </c>
      <c r="AP8" s="33">
        <v>0</v>
      </c>
      <c r="AQ8" s="43">
        <v>2842</v>
      </c>
      <c r="AR8" s="33">
        <v>31176354</v>
      </c>
      <c r="AS8" s="33">
        <v>0</v>
      </c>
      <c r="AT8" s="33">
        <v>0</v>
      </c>
      <c r="AU8" s="43">
        <v>1</v>
      </c>
      <c r="AV8" s="33">
        <v>39708</v>
      </c>
      <c r="AW8" s="38">
        <v>94478</v>
      </c>
      <c r="AX8" s="39">
        <v>2219354162</v>
      </c>
      <c r="AY8" s="40">
        <v>1</v>
      </c>
      <c r="AZ8" s="41" t="s">
        <v>49</v>
      </c>
      <c r="BA8" s="46">
        <v>1549121570</v>
      </c>
      <c r="BB8" s="47">
        <v>603637937</v>
      </c>
      <c r="BC8" s="48">
        <v>66594655</v>
      </c>
      <c r="BD8" s="31">
        <v>2</v>
      </c>
      <c r="BE8" s="49" t="s">
        <v>50</v>
      </c>
      <c r="BF8" s="47">
        <v>3002</v>
      </c>
      <c r="BG8" s="47">
        <v>278952206</v>
      </c>
      <c r="BH8" s="47">
        <v>18</v>
      </c>
      <c r="BI8" s="48">
        <v>703070</v>
      </c>
    </row>
    <row r="9" spans="1:61" s="14" customFormat="1" ht="13.5" customHeight="1" x14ac:dyDescent="0.15">
      <c r="A9" s="31">
        <v>3</v>
      </c>
      <c r="B9" s="45" t="s">
        <v>51</v>
      </c>
      <c r="C9" s="33">
        <v>333</v>
      </c>
      <c r="D9" s="33">
        <v>4766</v>
      </c>
      <c r="E9" s="33">
        <v>215650450</v>
      </c>
      <c r="F9" s="33">
        <v>18791</v>
      </c>
      <c r="G9" s="33">
        <v>31135</v>
      </c>
      <c r="H9" s="33">
        <v>313773030</v>
      </c>
      <c r="I9" s="33">
        <v>4633</v>
      </c>
      <c r="J9" s="33">
        <v>8555</v>
      </c>
      <c r="K9" s="33">
        <v>56194350</v>
      </c>
      <c r="L9" s="34">
        <v>23757</v>
      </c>
      <c r="M9" s="34">
        <v>44456</v>
      </c>
      <c r="N9" s="34">
        <v>585617830</v>
      </c>
      <c r="O9" s="33">
        <v>14459</v>
      </c>
      <c r="P9" s="33">
        <v>17457</v>
      </c>
      <c r="Q9" s="35">
        <v>179102460</v>
      </c>
      <c r="R9" s="31">
        <v>3</v>
      </c>
      <c r="S9" s="45" t="s">
        <v>51</v>
      </c>
      <c r="T9" s="33">
        <v>318</v>
      </c>
      <c r="U9" s="33">
        <v>11966</v>
      </c>
      <c r="V9" s="33">
        <v>7834092</v>
      </c>
      <c r="W9" s="33">
        <v>35</v>
      </c>
      <c r="X9" s="33">
        <v>374</v>
      </c>
      <c r="Y9" s="33">
        <v>4086870</v>
      </c>
      <c r="Z9" s="34">
        <v>38251</v>
      </c>
      <c r="AA9" s="34">
        <v>776641252</v>
      </c>
      <c r="AB9" s="33">
        <v>0</v>
      </c>
      <c r="AC9" s="33">
        <v>1</v>
      </c>
      <c r="AD9" s="33">
        <v>7620</v>
      </c>
      <c r="AE9" s="33">
        <v>9</v>
      </c>
      <c r="AF9" s="33">
        <v>274364</v>
      </c>
      <c r="AG9" s="33">
        <v>689</v>
      </c>
      <c r="AH9" s="33">
        <v>6658996</v>
      </c>
      <c r="AI9" s="33">
        <v>35</v>
      </c>
      <c r="AJ9" s="35">
        <v>949395</v>
      </c>
      <c r="AK9" s="31">
        <v>3</v>
      </c>
      <c r="AL9" s="45" t="s">
        <v>51</v>
      </c>
      <c r="AM9" s="33">
        <v>10</v>
      </c>
      <c r="AN9" s="33">
        <v>95840</v>
      </c>
      <c r="AO9" s="33">
        <v>0</v>
      </c>
      <c r="AP9" s="33">
        <v>0</v>
      </c>
      <c r="AQ9" s="43">
        <v>744</v>
      </c>
      <c r="AR9" s="33">
        <v>7986215</v>
      </c>
      <c r="AS9" s="33">
        <v>0</v>
      </c>
      <c r="AT9" s="33">
        <v>0</v>
      </c>
      <c r="AU9" s="43">
        <v>0</v>
      </c>
      <c r="AV9" s="33">
        <v>0</v>
      </c>
      <c r="AW9" s="38">
        <v>38995</v>
      </c>
      <c r="AX9" s="39">
        <v>784627467</v>
      </c>
      <c r="AY9" s="40">
        <v>1</v>
      </c>
      <c r="AZ9" s="41" t="s">
        <v>49</v>
      </c>
      <c r="BA9" s="46">
        <v>548067394</v>
      </c>
      <c r="BB9" s="47">
        <v>211320585</v>
      </c>
      <c r="BC9" s="48">
        <v>25239488</v>
      </c>
      <c r="BD9" s="31">
        <v>3</v>
      </c>
      <c r="BE9" s="49" t="s">
        <v>51</v>
      </c>
      <c r="BF9" s="47">
        <v>1033</v>
      </c>
      <c r="BG9" s="47">
        <v>93770097</v>
      </c>
      <c r="BH9" s="47">
        <v>1</v>
      </c>
      <c r="BI9" s="48">
        <v>222119</v>
      </c>
    </row>
    <row r="10" spans="1:61" s="14" customFormat="1" ht="13.5" customHeight="1" x14ac:dyDescent="0.15">
      <c r="A10" s="31">
        <v>4</v>
      </c>
      <c r="B10" s="45" t="s">
        <v>52</v>
      </c>
      <c r="C10" s="33">
        <v>291</v>
      </c>
      <c r="D10" s="33">
        <v>4469</v>
      </c>
      <c r="E10" s="33">
        <v>177358998</v>
      </c>
      <c r="F10" s="33">
        <v>11065</v>
      </c>
      <c r="G10" s="33">
        <v>17695</v>
      </c>
      <c r="H10" s="33">
        <v>151624788</v>
      </c>
      <c r="I10" s="33">
        <v>2746</v>
      </c>
      <c r="J10" s="33">
        <v>5326</v>
      </c>
      <c r="K10" s="33">
        <v>37155990</v>
      </c>
      <c r="L10" s="34">
        <v>14102</v>
      </c>
      <c r="M10" s="34">
        <v>27490</v>
      </c>
      <c r="N10" s="34">
        <v>366139776</v>
      </c>
      <c r="O10" s="33">
        <v>7989</v>
      </c>
      <c r="P10" s="33">
        <v>9442</v>
      </c>
      <c r="Q10" s="35">
        <v>100517446</v>
      </c>
      <c r="R10" s="31">
        <v>4</v>
      </c>
      <c r="S10" s="45" t="s">
        <v>52</v>
      </c>
      <c r="T10" s="33">
        <v>282</v>
      </c>
      <c r="U10" s="33">
        <v>11562</v>
      </c>
      <c r="V10" s="33">
        <v>7676550</v>
      </c>
      <c r="W10" s="33">
        <v>30</v>
      </c>
      <c r="X10" s="33">
        <v>163</v>
      </c>
      <c r="Y10" s="33">
        <v>1799190</v>
      </c>
      <c r="Z10" s="34">
        <v>22121</v>
      </c>
      <c r="AA10" s="34">
        <v>476132962</v>
      </c>
      <c r="AB10" s="33">
        <v>1</v>
      </c>
      <c r="AC10" s="33">
        <v>8</v>
      </c>
      <c r="AD10" s="33">
        <v>51030</v>
      </c>
      <c r="AE10" s="33">
        <v>7</v>
      </c>
      <c r="AF10" s="33">
        <v>207921</v>
      </c>
      <c r="AG10" s="33">
        <v>480</v>
      </c>
      <c r="AH10" s="33">
        <v>3635568</v>
      </c>
      <c r="AI10" s="33">
        <v>36</v>
      </c>
      <c r="AJ10" s="35">
        <v>1135325</v>
      </c>
      <c r="AK10" s="31">
        <v>4</v>
      </c>
      <c r="AL10" s="45" t="s">
        <v>52</v>
      </c>
      <c r="AM10" s="33">
        <v>32</v>
      </c>
      <c r="AN10" s="33">
        <v>268630</v>
      </c>
      <c r="AO10" s="33">
        <v>0</v>
      </c>
      <c r="AP10" s="33">
        <v>0</v>
      </c>
      <c r="AQ10" s="43">
        <v>563</v>
      </c>
      <c r="AR10" s="33">
        <v>5298474</v>
      </c>
      <c r="AS10" s="33">
        <v>0</v>
      </c>
      <c r="AT10" s="33">
        <v>0</v>
      </c>
      <c r="AU10" s="43">
        <v>0</v>
      </c>
      <c r="AV10" s="33">
        <v>0</v>
      </c>
      <c r="AW10" s="38">
        <v>22685</v>
      </c>
      <c r="AX10" s="39">
        <v>481431436</v>
      </c>
      <c r="AY10" s="40">
        <v>1</v>
      </c>
      <c r="AZ10" s="41" t="s">
        <v>49</v>
      </c>
      <c r="BA10" s="46">
        <v>336466513</v>
      </c>
      <c r="BB10" s="47">
        <v>129269403</v>
      </c>
      <c r="BC10" s="48">
        <v>15695520</v>
      </c>
      <c r="BD10" s="31">
        <v>4</v>
      </c>
      <c r="BE10" s="49" t="s">
        <v>52</v>
      </c>
      <c r="BF10" s="47">
        <v>487</v>
      </c>
      <c r="BG10" s="47">
        <v>54465316</v>
      </c>
      <c r="BH10" s="47">
        <v>0</v>
      </c>
      <c r="BI10" s="48">
        <v>0</v>
      </c>
    </row>
    <row r="11" spans="1:61" s="14" customFormat="1" ht="13.5" customHeight="1" x14ac:dyDescent="0.15">
      <c r="A11" s="31">
        <v>5</v>
      </c>
      <c r="B11" s="45" t="s">
        <v>53</v>
      </c>
      <c r="C11" s="33">
        <v>188</v>
      </c>
      <c r="D11" s="33">
        <v>2725</v>
      </c>
      <c r="E11" s="33">
        <v>103765264</v>
      </c>
      <c r="F11" s="33">
        <v>8646</v>
      </c>
      <c r="G11" s="33">
        <v>13840</v>
      </c>
      <c r="H11" s="33">
        <v>129339480</v>
      </c>
      <c r="I11" s="33">
        <v>2179</v>
      </c>
      <c r="J11" s="33">
        <v>3979</v>
      </c>
      <c r="K11" s="33">
        <v>26616830</v>
      </c>
      <c r="L11" s="34">
        <v>11013</v>
      </c>
      <c r="M11" s="34">
        <v>20544</v>
      </c>
      <c r="N11" s="34">
        <v>259721574</v>
      </c>
      <c r="O11" s="33">
        <v>6176</v>
      </c>
      <c r="P11" s="33">
        <v>7427</v>
      </c>
      <c r="Q11" s="35">
        <v>78308620</v>
      </c>
      <c r="R11" s="31">
        <v>5</v>
      </c>
      <c r="S11" s="45" t="s">
        <v>53</v>
      </c>
      <c r="T11" s="33">
        <v>167</v>
      </c>
      <c r="U11" s="33">
        <v>7390</v>
      </c>
      <c r="V11" s="33">
        <v>4682987</v>
      </c>
      <c r="W11" s="33">
        <v>35</v>
      </c>
      <c r="X11" s="33">
        <v>246</v>
      </c>
      <c r="Y11" s="33">
        <v>2755980</v>
      </c>
      <c r="Z11" s="34">
        <v>17224</v>
      </c>
      <c r="AA11" s="34">
        <v>345469161</v>
      </c>
      <c r="AB11" s="33">
        <v>0</v>
      </c>
      <c r="AC11" s="33">
        <v>11</v>
      </c>
      <c r="AD11" s="33">
        <v>1519220</v>
      </c>
      <c r="AE11" s="33">
        <v>16</v>
      </c>
      <c r="AF11" s="33">
        <v>439059</v>
      </c>
      <c r="AG11" s="33">
        <v>369</v>
      </c>
      <c r="AH11" s="33">
        <v>2736256</v>
      </c>
      <c r="AI11" s="33">
        <v>22</v>
      </c>
      <c r="AJ11" s="35">
        <v>337705</v>
      </c>
      <c r="AK11" s="31">
        <v>5</v>
      </c>
      <c r="AL11" s="45" t="s">
        <v>53</v>
      </c>
      <c r="AM11" s="33">
        <v>41</v>
      </c>
      <c r="AN11" s="33">
        <v>237360</v>
      </c>
      <c r="AO11" s="33">
        <v>0</v>
      </c>
      <c r="AP11" s="33">
        <v>0</v>
      </c>
      <c r="AQ11" s="43">
        <v>459</v>
      </c>
      <c r="AR11" s="33">
        <v>5269600</v>
      </c>
      <c r="AS11" s="33">
        <v>0</v>
      </c>
      <c r="AT11" s="33">
        <v>0</v>
      </c>
      <c r="AU11" s="43">
        <v>0</v>
      </c>
      <c r="AV11" s="33">
        <v>0</v>
      </c>
      <c r="AW11" s="38">
        <v>17683</v>
      </c>
      <c r="AX11" s="39">
        <v>350738761</v>
      </c>
      <c r="AY11" s="40">
        <v>1</v>
      </c>
      <c r="AZ11" s="41" t="s">
        <v>49</v>
      </c>
      <c r="BA11" s="46">
        <v>244656610</v>
      </c>
      <c r="BB11" s="47">
        <v>91568904</v>
      </c>
      <c r="BC11" s="48">
        <v>14513247</v>
      </c>
      <c r="BD11" s="31">
        <v>5</v>
      </c>
      <c r="BE11" s="49" t="s">
        <v>53</v>
      </c>
      <c r="BF11" s="47">
        <v>352</v>
      </c>
      <c r="BG11" s="47">
        <v>35999851</v>
      </c>
      <c r="BH11" s="47">
        <v>0</v>
      </c>
      <c r="BI11" s="48">
        <v>0</v>
      </c>
    </row>
    <row r="12" spans="1:61" s="14" customFormat="1" ht="13.5" customHeight="1" x14ac:dyDescent="0.15">
      <c r="A12" s="31">
        <v>6</v>
      </c>
      <c r="B12" s="45" t="s">
        <v>54</v>
      </c>
      <c r="C12" s="33">
        <v>361</v>
      </c>
      <c r="D12" s="33">
        <v>4552</v>
      </c>
      <c r="E12" s="33">
        <v>227372890</v>
      </c>
      <c r="F12" s="33">
        <v>20906</v>
      </c>
      <c r="G12" s="33">
        <v>32548</v>
      </c>
      <c r="H12" s="33">
        <v>291232540</v>
      </c>
      <c r="I12" s="33">
        <v>5298</v>
      </c>
      <c r="J12" s="33">
        <v>9669</v>
      </c>
      <c r="K12" s="33">
        <v>66033550</v>
      </c>
      <c r="L12" s="34">
        <v>26565</v>
      </c>
      <c r="M12" s="34">
        <v>46769</v>
      </c>
      <c r="N12" s="34">
        <v>584638980</v>
      </c>
      <c r="O12" s="33">
        <v>15000</v>
      </c>
      <c r="P12" s="33">
        <v>17658</v>
      </c>
      <c r="Q12" s="35">
        <v>176005980</v>
      </c>
      <c r="R12" s="31">
        <v>6</v>
      </c>
      <c r="S12" s="45" t="s">
        <v>54</v>
      </c>
      <c r="T12" s="33">
        <v>333</v>
      </c>
      <c r="U12" s="33">
        <v>11535</v>
      </c>
      <c r="V12" s="33">
        <v>7513105</v>
      </c>
      <c r="W12" s="33">
        <v>107</v>
      </c>
      <c r="X12" s="33">
        <v>602</v>
      </c>
      <c r="Y12" s="33">
        <v>6862200</v>
      </c>
      <c r="Z12" s="34">
        <v>41672</v>
      </c>
      <c r="AA12" s="34">
        <v>775020265</v>
      </c>
      <c r="AB12" s="33">
        <v>1</v>
      </c>
      <c r="AC12" s="33">
        <v>3</v>
      </c>
      <c r="AD12" s="33">
        <v>21185</v>
      </c>
      <c r="AE12" s="33">
        <v>23</v>
      </c>
      <c r="AF12" s="33">
        <v>504810</v>
      </c>
      <c r="AG12" s="33">
        <v>836</v>
      </c>
      <c r="AH12" s="33">
        <v>6054389</v>
      </c>
      <c r="AI12" s="33">
        <v>90</v>
      </c>
      <c r="AJ12" s="35">
        <v>2772100</v>
      </c>
      <c r="AK12" s="31">
        <v>6</v>
      </c>
      <c r="AL12" s="45" t="s">
        <v>54</v>
      </c>
      <c r="AM12" s="33">
        <v>136</v>
      </c>
      <c r="AN12" s="33">
        <v>1600810</v>
      </c>
      <c r="AO12" s="33">
        <v>0</v>
      </c>
      <c r="AP12" s="33">
        <v>0</v>
      </c>
      <c r="AQ12" s="43">
        <v>1088</v>
      </c>
      <c r="AR12" s="33">
        <v>10953294</v>
      </c>
      <c r="AS12" s="33">
        <v>1</v>
      </c>
      <c r="AT12" s="33">
        <v>10265</v>
      </c>
      <c r="AU12" s="43">
        <v>0</v>
      </c>
      <c r="AV12" s="33">
        <v>0</v>
      </c>
      <c r="AW12" s="38">
        <v>42761</v>
      </c>
      <c r="AX12" s="39">
        <v>785973559</v>
      </c>
      <c r="AY12" s="40">
        <v>1</v>
      </c>
      <c r="AZ12" s="41" t="s">
        <v>49</v>
      </c>
      <c r="BA12" s="46">
        <v>549004188</v>
      </c>
      <c r="BB12" s="47">
        <v>206978406</v>
      </c>
      <c r="BC12" s="48">
        <v>29990965</v>
      </c>
      <c r="BD12" s="31">
        <v>6</v>
      </c>
      <c r="BE12" s="49" t="s">
        <v>54</v>
      </c>
      <c r="BF12" s="47">
        <v>701</v>
      </c>
      <c r="BG12" s="47">
        <v>79628354</v>
      </c>
      <c r="BH12" s="47">
        <v>0</v>
      </c>
      <c r="BI12" s="48">
        <v>0</v>
      </c>
    </row>
    <row r="13" spans="1:61" s="14" customFormat="1" ht="13.5" customHeight="1" x14ac:dyDescent="0.15">
      <c r="A13" s="31">
        <v>7</v>
      </c>
      <c r="B13" s="45" t="s">
        <v>55</v>
      </c>
      <c r="C13" s="33">
        <v>205</v>
      </c>
      <c r="D13" s="33">
        <v>2656</v>
      </c>
      <c r="E13" s="33">
        <v>131539186</v>
      </c>
      <c r="F13" s="33">
        <v>10268</v>
      </c>
      <c r="G13" s="33">
        <v>16582</v>
      </c>
      <c r="H13" s="33">
        <v>157516580</v>
      </c>
      <c r="I13" s="33">
        <v>2584</v>
      </c>
      <c r="J13" s="33">
        <v>4933</v>
      </c>
      <c r="K13" s="33">
        <v>33661990</v>
      </c>
      <c r="L13" s="34">
        <v>13057</v>
      </c>
      <c r="M13" s="34">
        <v>24171</v>
      </c>
      <c r="N13" s="34">
        <v>322717756</v>
      </c>
      <c r="O13" s="33">
        <v>7095</v>
      </c>
      <c r="P13" s="33">
        <v>8450</v>
      </c>
      <c r="Q13" s="35">
        <v>86530940</v>
      </c>
      <c r="R13" s="31">
        <v>7</v>
      </c>
      <c r="S13" s="45" t="s">
        <v>55</v>
      </c>
      <c r="T13" s="33">
        <v>196</v>
      </c>
      <c r="U13" s="33">
        <v>6637</v>
      </c>
      <c r="V13" s="33">
        <v>4422521</v>
      </c>
      <c r="W13" s="33">
        <v>11</v>
      </c>
      <c r="X13" s="33">
        <v>105</v>
      </c>
      <c r="Y13" s="33">
        <v>1094270</v>
      </c>
      <c r="Z13" s="34">
        <v>20163</v>
      </c>
      <c r="AA13" s="34">
        <v>414765487</v>
      </c>
      <c r="AB13" s="33">
        <v>1</v>
      </c>
      <c r="AC13" s="33">
        <v>0</v>
      </c>
      <c r="AD13" s="33">
        <v>0</v>
      </c>
      <c r="AE13" s="33">
        <v>4</v>
      </c>
      <c r="AF13" s="33">
        <v>126649</v>
      </c>
      <c r="AG13" s="33">
        <v>330</v>
      </c>
      <c r="AH13" s="33">
        <v>2090353</v>
      </c>
      <c r="AI13" s="33">
        <v>43</v>
      </c>
      <c r="AJ13" s="35">
        <v>962730</v>
      </c>
      <c r="AK13" s="31">
        <v>7</v>
      </c>
      <c r="AL13" s="45" t="s">
        <v>55</v>
      </c>
      <c r="AM13" s="33">
        <v>22</v>
      </c>
      <c r="AN13" s="33">
        <v>84870</v>
      </c>
      <c r="AO13" s="33">
        <v>0</v>
      </c>
      <c r="AP13" s="33">
        <v>0</v>
      </c>
      <c r="AQ13" s="43">
        <v>399</v>
      </c>
      <c r="AR13" s="33">
        <v>3264602</v>
      </c>
      <c r="AS13" s="33">
        <v>0</v>
      </c>
      <c r="AT13" s="33">
        <v>0</v>
      </c>
      <c r="AU13" s="43">
        <v>0</v>
      </c>
      <c r="AV13" s="33">
        <v>0</v>
      </c>
      <c r="AW13" s="38">
        <v>20563</v>
      </c>
      <c r="AX13" s="39">
        <v>418030089</v>
      </c>
      <c r="AY13" s="40">
        <v>1</v>
      </c>
      <c r="AZ13" s="41" t="s">
        <v>49</v>
      </c>
      <c r="BA13" s="46">
        <v>292016910</v>
      </c>
      <c r="BB13" s="47">
        <v>115534910</v>
      </c>
      <c r="BC13" s="48">
        <v>10478269</v>
      </c>
      <c r="BD13" s="31">
        <v>7</v>
      </c>
      <c r="BE13" s="49" t="s">
        <v>55</v>
      </c>
      <c r="BF13" s="47">
        <v>497</v>
      </c>
      <c r="BG13" s="47">
        <v>46112748</v>
      </c>
      <c r="BH13" s="47">
        <v>0</v>
      </c>
      <c r="BI13" s="48">
        <v>0</v>
      </c>
    </row>
    <row r="14" spans="1:61" s="14" customFormat="1" ht="13.5" customHeight="1" x14ac:dyDescent="0.15">
      <c r="A14" s="31">
        <v>8</v>
      </c>
      <c r="B14" s="45" t="s">
        <v>56</v>
      </c>
      <c r="C14" s="33">
        <v>229</v>
      </c>
      <c r="D14" s="33">
        <v>2657</v>
      </c>
      <c r="E14" s="33">
        <v>143713346</v>
      </c>
      <c r="F14" s="33">
        <v>12314</v>
      </c>
      <c r="G14" s="33">
        <v>18850</v>
      </c>
      <c r="H14" s="33">
        <v>199244024</v>
      </c>
      <c r="I14" s="33">
        <v>3209</v>
      </c>
      <c r="J14" s="33">
        <v>6052</v>
      </c>
      <c r="K14" s="33">
        <v>40954050</v>
      </c>
      <c r="L14" s="34">
        <v>15752</v>
      </c>
      <c r="M14" s="34">
        <v>27559</v>
      </c>
      <c r="N14" s="34">
        <v>383911420</v>
      </c>
      <c r="O14" s="33">
        <v>9180</v>
      </c>
      <c r="P14" s="33">
        <v>11036</v>
      </c>
      <c r="Q14" s="35">
        <v>108679480</v>
      </c>
      <c r="R14" s="31">
        <v>8</v>
      </c>
      <c r="S14" s="45" t="s">
        <v>56</v>
      </c>
      <c r="T14" s="33">
        <v>213</v>
      </c>
      <c r="U14" s="33">
        <v>6099</v>
      </c>
      <c r="V14" s="33">
        <v>4142966</v>
      </c>
      <c r="W14" s="33">
        <v>42</v>
      </c>
      <c r="X14" s="33">
        <v>305</v>
      </c>
      <c r="Y14" s="33">
        <v>3246590</v>
      </c>
      <c r="Z14" s="34">
        <v>24974</v>
      </c>
      <c r="AA14" s="34">
        <v>499980456</v>
      </c>
      <c r="AB14" s="33">
        <v>0</v>
      </c>
      <c r="AC14" s="33">
        <v>31</v>
      </c>
      <c r="AD14" s="33">
        <v>454019</v>
      </c>
      <c r="AE14" s="33">
        <v>20</v>
      </c>
      <c r="AF14" s="33">
        <v>821935</v>
      </c>
      <c r="AG14" s="33">
        <v>682</v>
      </c>
      <c r="AH14" s="33">
        <v>4928711</v>
      </c>
      <c r="AI14" s="33">
        <v>40</v>
      </c>
      <c r="AJ14" s="35">
        <v>1801355</v>
      </c>
      <c r="AK14" s="31">
        <v>8</v>
      </c>
      <c r="AL14" s="45" t="s">
        <v>56</v>
      </c>
      <c r="AM14" s="33">
        <v>6</v>
      </c>
      <c r="AN14" s="33">
        <v>29560</v>
      </c>
      <c r="AO14" s="33">
        <v>0</v>
      </c>
      <c r="AP14" s="33">
        <v>0</v>
      </c>
      <c r="AQ14" s="43">
        <v>779</v>
      </c>
      <c r="AR14" s="33">
        <v>8035580</v>
      </c>
      <c r="AS14" s="33">
        <v>30</v>
      </c>
      <c r="AT14" s="33">
        <v>439719</v>
      </c>
      <c r="AU14" s="43">
        <v>0</v>
      </c>
      <c r="AV14" s="33">
        <v>0</v>
      </c>
      <c r="AW14" s="38">
        <v>25753</v>
      </c>
      <c r="AX14" s="39">
        <v>508016036</v>
      </c>
      <c r="AY14" s="40">
        <v>1</v>
      </c>
      <c r="AZ14" s="41" t="s">
        <v>49</v>
      </c>
      <c r="BA14" s="46">
        <v>355016798</v>
      </c>
      <c r="BB14" s="47">
        <v>138441277</v>
      </c>
      <c r="BC14" s="48">
        <v>14557961</v>
      </c>
      <c r="BD14" s="31">
        <v>8</v>
      </c>
      <c r="BE14" s="49" t="s">
        <v>56</v>
      </c>
      <c r="BF14" s="47">
        <v>436</v>
      </c>
      <c r="BG14" s="47">
        <v>57913137</v>
      </c>
      <c r="BH14" s="47">
        <v>2</v>
      </c>
      <c r="BI14" s="48">
        <v>148246</v>
      </c>
    </row>
    <row r="15" spans="1:61" s="14" customFormat="1" ht="13.5" customHeight="1" x14ac:dyDescent="0.15">
      <c r="A15" s="31">
        <v>9</v>
      </c>
      <c r="B15" s="45" t="s">
        <v>57</v>
      </c>
      <c r="C15" s="33">
        <v>58</v>
      </c>
      <c r="D15" s="33">
        <v>642</v>
      </c>
      <c r="E15" s="33">
        <v>31868670</v>
      </c>
      <c r="F15" s="33">
        <v>2771</v>
      </c>
      <c r="G15" s="33">
        <v>4149</v>
      </c>
      <c r="H15" s="33">
        <v>43368000</v>
      </c>
      <c r="I15" s="33">
        <v>631</v>
      </c>
      <c r="J15" s="33">
        <v>1216</v>
      </c>
      <c r="K15" s="33">
        <v>7322750</v>
      </c>
      <c r="L15" s="34">
        <v>3460</v>
      </c>
      <c r="M15" s="34">
        <v>6007</v>
      </c>
      <c r="N15" s="34">
        <v>82559420</v>
      </c>
      <c r="O15" s="33">
        <v>2051</v>
      </c>
      <c r="P15" s="33">
        <v>2438</v>
      </c>
      <c r="Q15" s="35">
        <v>23678230</v>
      </c>
      <c r="R15" s="31">
        <v>9</v>
      </c>
      <c r="S15" s="45" t="s">
        <v>57</v>
      </c>
      <c r="T15" s="33">
        <v>55</v>
      </c>
      <c r="U15" s="33">
        <v>1465</v>
      </c>
      <c r="V15" s="33">
        <v>930989</v>
      </c>
      <c r="W15" s="33">
        <v>0</v>
      </c>
      <c r="X15" s="33">
        <v>0</v>
      </c>
      <c r="Y15" s="33">
        <v>0</v>
      </c>
      <c r="Z15" s="34">
        <v>5511</v>
      </c>
      <c r="AA15" s="34">
        <v>107168639</v>
      </c>
      <c r="AB15" s="33">
        <v>6</v>
      </c>
      <c r="AC15" s="33">
        <v>0</v>
      </c>
      <c r="AD15" s="33">
        <v>0</v>
      </c>
      <c r="AE15" s="33">
        <v>0</v>
      </c>
      <c r="AF15" s="33">
        <v>0</v>
      </c>
      <c r="AG15" s="33">
        <v>132</v>
      </c>
      <c r="AH15" s="33">
        <v>1323992</v>
      </c>
      <c r="AI15" s="33">
        <v>10</v>
      </c>
      <c r="AJ15" s="35">
        <v>739800</v>
      </c>
      <c r="AK15" s="31">
        <v>9</v>
      </c>
      <c r="AL15" s="45" t="s">
        <v>57</v>
      </c>
      <c r="AM15" s="33">
        <v>9</v>
      </c>
      <c r="AN15" s="33">
        <v>160270</v>
      </c>
      <c r="AO15" s="33">
        <v>0</v>
      </c>
      <c r="AP15" s="33">
        <v>0</v>
      </c>
      <c r="AQ15" s="43">
        <v>151</v>
      </c>
      <c r="AR15" s="33">
        <v>2224062</v>
      </c>
      <c r="AS15" s="33">
        <v>0</v>
      </c>
      <c r="AT15" s="33">
        <v>0</v>
      </c>
      <c r="AU15" s="43">
        <v>0</v>
      </c>
      <c r="AV15" s="33">
        <v>0</v>
      </c>
      <c r="AW15" s="38">
        <v>5668</v>
      </c>
      <c r="AX15" s="39">
        <v>109392701</v>
      </c>
      <c r="AY15" s="40">
        <v>1</v>
      </c>
      <c r="AZ15" s="41" t="s">
        <v>49</v>
      </c>
      <c r="BA15" s="46">
        <v>76381998</v>
      </c>
      <c r="BB15" s="47">
        <v>30197550</v>
      </c>
      <c r="BC15" s="48">
        <v>2813153</v>
      </c>
      <c r="BD15" s="31">
        <v>9</v>
      </c>
      <c r="BE15" s="49" t="s">
        <v>57</v>
      </c>
      <c r="BF15" s="47">
        <v>137</v>
      </c>
      <c r="BG15" s="47">
        <v>12565441</v>
      </c>
      <c r="BH15" s="47">
        <v>1</v>
      </c>
      <c r="BI15" s="48">
        <v>92248</v>
      </c>
    </row>
    <row r="16" spans="1:61" s="14" customFormat="1" ht="13.5" customHeight="1" x14ac:dyDescent="0.15">
      <c r="A16" s="31">
        <v>10</v>
      </c>
      <c r="B16" s="45" t="s">
        <v>58</v>
      </c>
      <c r="C16" s="33">
        <v>710</v>
      </c>
      <c r="D16" s="33">
        <v>10411</v>
      </c>
      <c r="E16" s="33">
        <v>397693514</v>
      </c>
      <c r="F16" s="33">
        <v>27666</v>
      </c>
      <c r="G16" s="33">
        <v>45987</v>
      </c>
      <c r="H16" s="33">
        <v>519110082</v>
      </c>
      <c r="I16" s="33">
        <v>6522</v>
      </c>
      <c r="J16" s="33">
        <v>12948</v>
      </c>
      <c r="K16" s="33">
        <v>87089660</v>
      </c>
      <c r="L16" s="34">
        <v>34898</v>
      </c>
      <c r="M16" s="34">
        <v>69346</v>
      </c>
      <c r="N16" s="34">
        <v>1003893256</v>
      </c>
      <c r="O16" s="33">
        <v>18851</v>
      </c>
      <c r="P16" s="33">
        <v>22839</v>
      </c>
      <c r="Q16" s="35">
        <v>253242454</v>
      </c>
      <c r="R16" s="31">
        <v>10</v>
      </c>
      <c r="S16" s="45" t="s">
        <v>58</v>
      </c>
      <c r="T16" s="33">
        <v>633</v>
      </c>
      <c r="U16" s="33">
        <v>27262</v>
      </c>
      <c r="V16" s="33">
        <v>17865806</v>
      </c>
      <c r="W16" s="33">
        <v>168</v>
      </c>
      <c r="X16" s="33">
        <v>864</v>
      </c>
      <c r="Y16" s="33">
        <v>9189080</v>
      </c>
      <c r="Z16" s="34">
        <v>53917</v>
      </c>
      <c r="AA16" s="34">
        <v>1284190596</v>
      </c>
      <c r="AB16" s="33">
        <v>3</v>
      </c>
      <c r="AC16" s="33">
        <v>3</v>
      </c>
      <c r="AD16" s="33">
        <v>31914</v>
      </c>
      <c r="AE16" s="33">
        <v>21</v>
      </c>
      <c r="AF16" s="33">
        <v>641379</v>
      </c>
      <c r="AG16" s="33">
        <v>1259</v>
      </c>
      <c r="AH16" s="33">
        <v>9781386</v>
      </c>
      <c r="AI16" s="33">
        <v>146</v>
      </c>
      <c r="AJ16" s="35">
        <v>5582210</v>
      </c>
      <c r="AK16" s="31">
        <v>10</v>
      </c>
      <c r="AL16" s="45" t="s">
        <v>58</v>
      </c>
      <c r="AM16" s="33">
        <v>68</v>
      </c>
      <c r="AN16" s="33">
        <v>1347540</v>
      </c>
      <c r="AO16" s="33">
        <v>0</v>
      </c>
      <c r="AP16" s="33">
        <v>0</v>
      </c>
      <c r="AQ16" s="43">
        <v>1497</v>
      </c>
      <c r="AR16" s="33">
        <v>17384429</v>
      </c>
      <c r="AS16" s="33">
        <v>1</v>
      </c>
      <c r="AT16" s="33">
        <v>5744</v>
      </c>
      <c r="AU16" s="43">
        <v>0</v>
      </c>
      <c r="AV16" s="33">
        <v>0</v>
      </c>
      <c r="AW16" s="38">
        <v>55417</v>
      </c>
      <c r="AX16" s="39">
        <v>1301575025</v>
      </c>
      <c r="AY16" s="40">
        <v>1</v>
      </c>
      <c r="AZ16" s="41" t="s">
        <v>49</v>
      </c>
      <c r="BA16" s="46">
        <v>908184236</v>
      </c>
      <c r="BB16" s="47">
        <v>355149197</v>
      </c>
      <c r="BC16" s="48">
        <v>38241592</v>
      </c>
      <c r="BD16" s="31">
        <v>10</v>
      </c>
      <c r="BE16" s="49" t="s">
        <v>58</v>
      </c>
      <c r="BF16" s="47">
        <v>1585</v>
      </c>
      <c r="BG16" s="47">
        <v>157317891</v>
      </c>
      <c r="BH16" s="47">
        <v>1</v>
      </c>
      <c r="BI16" s="48">
        <v>14984</v>
      </c>
    </row>
    <row r="17" spans="1:61" s="14" customFormat="1" ht="13.5" customHeight="1" x14ac:dyDescent="0.15">
      <c r="A17" s="31">
        <v>11</v>
      </c>
      <c r="B17" s="45" t="s">
        <v>59</v>
      </c>
      <c r="C17" s="33">
        <v>81</v>
      </c>
      <c r="D17" s="33">
        <v>789</v>
      </c>
      <c r="E17" s="33">
        <v>34188530</v>
      </c>
      <c r="F17" s="33">
        <v>3964</v>
      </c>
      <c r="G17" s="33">
        <v>5742</v>
      </c>
      <c r="H17" s="33">
        <v>73804756</v>
      </c>
      <c r="I17" s="33">
        <v>848</v>
      </c>
      <c r="J17" s="33">
        <v>1584</v>
      </c>
      <c r="K17" s="33">
        <v>10738130</v>
      </c>
      <c r="L17" s="34">
        <v>4893</v>
      </c>
      <c r="M17" s="34">
        <v>8115</v>
      </c>
      <c r="N17" s="34">
        <v>118731416</v>
      </c>
      <c r="O17" s="33">
        <v>2540</v>
      </c>
      <c r="P17" s="33">
        <v>3047</v>
      </c>
      <c r="Q17" s="35">
        <v>31465200</v>
      </c>
      <c r="R17" s="31">
        <v>11</v>
      </c>
      <c r="S17" s="45" t="s">
        <v>59</v>
      </c>
      <c r="T17" s="33">
        <v>67</v>
      </c>
      <c r="U17" s="33">
        <v>1969</v>
      </c>
      <c r="V17" s="33">
        <v>1324228</v>
      </c>
      <c r="W17" s="33">
        <v>18</v>
      </c>
      <c r="X17" s="33">
        <v>82</v>
      </c>
      <c r="Y17" s="33">
        <v>1415650</v>
      </c>
      <c r="Z17" s="34">
        <v>7451</v>
      </c>
      <c r="AA17" s="34">
        <v>152936494</v>
      </c>
      <c r="AB17" s="33">
        <v>0</v>
      </c>
      <c r="AC17" s="33">
        <v>0</v>
      </c>
      <c r="AD17" s="33">
        <v>0</v>
      </c>
      <c r="AE17" s="33">
        <v>3</v>
      </c>
      <c r="AF17" s="33">
        <v>92118</v>
      </c>
      <c r="AG17" s="33">
        <v>207</v>
      </c>
      <c r="AH17" s="33">
        <v>1845575</v>
      </c>
      <c r="AI17" s="33">
        <v>5</v>
      </c>
      <c r="AJ17" s="35">
        <v>84900</v>
      </c>
      <c r="AK17" s="31">
        <v>11</v>
      </c>
      <c r="AL17" s="45" t="s">
        <v>59</v>
      </c>
      <c r="AM17" s="33">
        <v>15</v>
      </c>
      <c r="AN17" s="33">
        <v>340420</v>
      </c>
      <c r="AO17" s="33">
        <v>0</v>
      </c>
      <c r="AP17" s="33">
        <v>0</v>
      </c>
      <c r="AQ17" s="43">
        <v>230</v>
      </c>
      <c r="AR17" s="33">
        <v>2363013</v>
      </c>
      <c r="AS17" s="33">
        <v>0</v>
      </c>
      <c r="AT17" s="33">
        <v>0</v>
      </c>
      <c r="AU17" s="43">
        <v>0</v>
      </c>
      <c r="AV17" s="33">
        <v>0</v>
      </c>
      <c r="AW17" s="38">
        <v>7681</v>
      </c>
      <c r="AX17" s="39">
        <v>155299507</v>
      </c>
      <c r="AY17" s="40">
        <v>1</v>
      </c>
      <c r="AZ17" s="41" t="s">
        <v>49</v>
      </c>
      <c r="BA17" s="46">
        <v>108435342</v>
      </c>
      <c r="BB17" s="47">
        <v>41901435</v>
      </c>
      <c r="BC17" s="48">
        <v>4962730</v>
      </c>
      <c r="BD17" s="31">
        <v>11</v>
      </c>
      <c r="BE17" s="49" t="s">
        <v>59</v>
      </c>
      <c r="BF17" s="47">
        <v>175</v>
      </c>
      <c r="BG17" s="47">
        <v>15567481</v>
      </c>
      <c r="BH17" s="47">
        <v>0</v>
      </c>
      <c r="BI17" s="48">
        <v>0</v>
      </c>
    </row>
    <row r="18" spans="1:61" s="14" customFormat="1" ht="13.5" customHeight="1" x14ac:dyDescent="0.15">
      <c r="A18" s="31">
        <v>12</v>
      </c>
      <c r="B18" s="45" t="s">
        <v>60</v>
      </c>
      <c r="C18" s="33">
        <v>285</v>
      </c>
      <c r="D18" s="33">
        <v>3397</v>
      </c>
      <c r="E18" s="33">
        <v>146542061</v>
      </c>
      <c r="F18" s="33">
        <v>11038</v>
      </c>
      <c r="G18" s="33">
        <v>15521</v>
      </c>
      <c r="H18" s="33">
        <v>167768795</v>
      </c>
      <c r="I18" s="33">
        <v>2669</v>
      </c>
      <c r="J18" s="33">
        <v>5220</v>
      </c>
      <c r="K18" s="33">
        <v>33973310</v>
      </c>
      <c r="L18" s="34">
        <v>13992</v>
      </c>
      <c r="M18" s="34">
        <v>24138</v>
      </c>
      <c r="N18" s="34">
        <v>348284166</v>
      </c>
      <c r="O18" s="33">
        <v>6814</v>
      </c>
      <c r="P18" s="33">
        <v>7745</v>
      </c>
      <c r="Q18" s="35">
        <v>89018520</v>
      </c>
      <c r="R18" s="31">
        <v>12</v>
      </c>
      <c r="S18" s="45" t="s">
        <v>60</v>
      </c>
      <c r="T18" s="33">
        <v>273</v>
      </c>
      <c r="U18" s="33">
        <v>8342</v>
      </c>
      <c r="V18" s="33">
        <v>5340527</v>
      </c>
      <c r="W18" s="33">
        <v>26</v>
      </c>
      <c r="X18" s="33">
        <v>303</v>
      </c>
      <c r="Y18" s="33">
        <v>3262310</v>
      </c>
      <c r="Z18" s="34">
        <v>20832</v>
      </c>
      <c r="AA18" s="34">
        <v>445905523</v>
      </c>
      <c r="AB18" s="33">
        <v>1</v>
      </c>
      <c r="AC18" s="33">
        <v>3</v>
      </c>
      <c r="AD18" s="33">
        <v>18260</v>
      </c>
      <c r="AE18" s="33">
        <v>7</v>
      </c>
      <c r="AF18" s="33">
        <v>239099</v>
      </c>
      <c r="AG18" s="33">
        <v>342</v>
      </c>
      <c r="AH18" s="33">
        <v>1813390</v>
      </c>
      <c r="AI18" s="33">
        <v>39</v>
      </c>
      <c r="AJ18" s="35">
        <v>973610</v>
      </c>
      <c r="AK18" s="31">
        <v>12</v>
      </c>
      <c r="AL18" s="45" t="s">
        <v>60</v>
      </c>
      <c r="AM18" s="33">
        <v>3</v>
      </c>
      <c r="AN18" s="33">
        <v>17060</v>
      </c>
      <c r="AO18" s="33">
        <v>1</v>
      </c>
      <c r="AP18" s="33">
        <v>6870</v>
      </c>
      <c r="AQ18" s="43">
        <v>395</v>
      </c>
      <c r="AR18" s="33">
        <v>3068289</v>
      </c>
      <c r="AS18" s="33">
        <v>0</v>
      </c>
      <c r="AT18" s="33">
        <v>0</v>
      </c>
      <c r="AU18" s="43">
        <v>0</v>
      </c>
      <c r="AV18" s="33">
        <v>0</v>
      </c>
      <c r="AW18" s="38">
        <v>21228</v>
      </c>
      <c r="AX18" s="39">
        <v>448973812</v>
      </c>
      <c r="AY18" s="40">
        <v>1</v>
      </c>
      <c r="AZ18" s="41" t="s">
        <v>49</v>
      </c>
      <c r="BA18" s="46">
        <v>313367052</v>
      </c>
      <c r="BB18" s="47">
        <v>123751096</v>
      </c>
      <c r="BC18" s="48">
        <v>11855664</v>
      </c>
      <c r="BD18" s="31">
        <v>12</v>
      </c>
      <c r="BE18" s="49" t="s">
        <v>60</v>
      </c>
      <c r="BF18" s="47">
        <v>656</v>
      </c>
      <c r="BG18" s="47">
        <v>55233118</v>
      </c>
      <c r="BH18" s="47">
        <v>0</v>
      </c>
      <c r="BI18" s="48">
        <v>0</v>
      </c>
    </row>
    <row r="19" spans="1:61" s="14" customFormat="1" ht="13.5" customHeight="1" x14ac:dyDescent="0.15">
      <c r="A19" s="31">
        <v>13</v>
      </c>
      <c r="B19" s="45" t="s">
        <v>61</v>
      </c>
      <c r="C19" s="33">
        <v>284</v>
      </c>
      <c r="D19" s="33">
        <v>3978</v>
      </c>
      <c r="E19" s="33">
        <v>211442420</v>
      </c>
      <c r="F19" s="33">
        <v>12716</v>
      </c>
      <c r="G19" s="33">
        <v>19523</v>
      </c>
      <c r="H19" s="33">
        <v>197337370</v>
      </c>
      <c r="I19" s="33">
        <v>3051</v>
      </c>
      <c r="J19" s="33">
        <v>5831</v>
      </c>
      <c r="K19" s="33">
        <v>38184260</v>
      </c>
      <c r="L19" s="34">
        <v>16051</v>
      </c>
      <c r="M19" s="34">
        <v>29332</v>
      </c>
      <c r="N19" s="34">
        <v>446964050</v>
      </c>
      <c r="O19" s="33">
        <v>8869</v>
      </c>
      <c r="P19" s="33">
        <v>10315</v>
      </c>
      <c r="Q19" s="35">
        <v>113828170</v>
      </c>
      <c r="R19" s="31">
        <v>13</v>
      </c>
      <c r="S19" s="45" t="s">
        <v>61</v>
      </c>
      <c r="T19" s="33">
        <v>271</v>
      </c>
      <c r="U19" s="33">
        <v>10079</v>
      </c>
      <c r="V19" s="33">
        <v>6595096</v>
      </c>
      <c r="W19" s="33">
        <v>30</v>
      </c>
      <c r="X19" s="33">
        <v>247</v>
      </c>
      <c r="Y19" s="33">
        <v>2861210</v>
      </c>
      <c r="Z19" s="34">
        <v>24950</v>
      </c>
      <c r="AA19" s="34">
        <v>570248526</v>
      </c>
      <c r="AB19" s="33">
        <v>0</v>
      </c>
      <c r="AC19" s="33">
        <v>2</v>
      </c>
      <c r="AD19" s="33">
        <v>59098</v>
      </c>
      <c r="AE19" s="33">
        <v>9</v>
      </c>
      <c r="AF19" s="33">
        <v>280746</v>
      </c>
      <c r="AG19" s="33">
        <v>637</v>
      </c>
      <c r="AH19" s="33">
        <v>5429275</v>
      </c>
      <c r="AI19" s="33">
        <v>61</v>
      </c>
      <c r="AJ19" s="35">
        <v>1606390</v>
      </c>
      <c r="AK19" s="31">
        <v>13</v>
      </c>
      <c r="AL19" s="45" t="s">
        <v>61</v>
      </c>
      <c r="AM19" s="33">
        <v>45</v>
      </c>
      <c r="AN19" s="33">
        <v>362560</v>
      </c>
      <c r="AO19" s="33">
        <v>0</v>
      </c>
      <c r="AP19" s="33">
        <v>0</v>
      </c>
      <c r="AQ19" s="43">
        <v>754</v>
      </c>
      <c r="AR19" s="33">
        <v>7738069</v>
      </c>
      <c r="AS19" s="33">
        <v>2</v>
      </c>
      <c r="AT19" s="33">
        <v>59098</v>
      </c>
      <c r="AU19" s="43">
        <v>0</v>
      </c>
      <c r="AV19" s="33">
        <v>0</v>
      </c>
      <c r="AW19" s="38">
        <v>25704</v>
      </c>
      <c r="AX19" s="39">
        <v>577986595</v>
      </c>
      <c r="AY19" s="40">
        <v>1</v>
      </c>
      <c r="AZ19" s="41" t="s">
        <v>49</v>
      </c>
      <c r="BA19" s="46">
        <v>403226780</v>
      </c>
      <c r="BB19" s="47">
        <v>157611494</v>
      </c>
      <c r="BC19" s="48">
        <v>17148321</v>
      </c>
      <c r="BD19" s="31">
        <v>13</v>
      </c>
      <c r="BE19" s="49" t="s">
        <v>61</v>
      </c>
      <c r="BF19" s="47">
        <v>633</v>
      </c>
      <c r="BG19" s="47">
        <v>70177911</v>
      </c>
      <c r="BH19" s="47">
        <v>0</v>
      </c>
      <c r="BI19" s="48">
        <v>0</v>
      </c>
    </row>
    <row r="20" spans="1:61" s="14" customFormat="1" ht="13.5" customHeight="1" x14ac:dyDescent="0.15">
      <c r="A20" s="31">
        <v>14</v>
      </c>
      <c r="B20" s="45" t="s">
        <v>62</v>
      </c>
      <c r="C20" s="33">
        <v>171</v>
      </c>
      <c r="D20" s="33">
        <v>2263</v>
      </c>
      <c r="E20" s="33">
        <v>105334250</v>
      </c>
      <c r="F20" s="33">
        <v>9095</v>
      </c>
      <c r="G20" s="33">
        <v>14197</v>
      </c>
      <c r="H20" s="33">
        <v>143011240</v>
      </c>
      <c r="I20" s="33">
        <v>2346</v>
      </c>
      <c r="J20" s="33">
        <v>4577</v>
      </c>
      <c r="K20" s="33">
        <v>30387250</v>
      </c>
      <c r="L20" s="34">
        <v>11612</v>
      </c>
      <c r="M20" s="34">
        <v>21037</v>
      </c>
      <c r="N20" s="34">
        <v>278732740</v>
      </c>
      <c r="O20" s="33">
        <v>7037</v>
      </c>
      <c r="P20" s="33">
        <v>8529</v>
      </c>
      <c r="Q20" s="35">
        <v>82470390</v>
      </c>
      <c r="R20" s="31">
        <v>14</v>
      </c>
      <c r="S20" s="45" t="s">
        <v>62</v>
      </c>
      <c r="T20" s="33">
        <v>165</v>
      </c>
      <c r="U20" s="33">
        <v>5792</v>
      </c>
      <c r="V20" s="33">
        <v>3808762</v>
      </c>
      <c r="W20" s="33">
        <v>0</v>
      </c>
      <c r="X20" s="33">
        <v>0</v>
      </c>
      <c r="Y20" s="33">
        <v>0</v>
      </c>
      <c r="Z20" s="34">
        <v>18649</v>
      </c>
      <c r="AA20" s="34">
        <v>365011892</v>
      </c>
      <c r="AB20" s="33">
        <v>0</v>
      </c>
      <c r="AC20" s="33">
        <v>0</v>
      </c>
      <c r="AD20" s="33">
        <v>0</v>
      </c>
      <c r="AE20" s="33">
        <v>8</v>
      </c>
      <c r="AF20" s="33">
        <v>276408</v>
      </c>
      <c r="AG20" s="33">
        <v>544</v>
      </c>
      <c r="AH20" s="33">
        <v>4226467</v>
      </c>
      <c r="AI20" s="33">
        <v>58</v>
      </c>
      <c r="AJ20" s="35">
        <v>1636525</v>
      </c>
      <c r="AK20" s="31">
        <v>14</v>
      </c>
      <c r="AL20" s="45" t="s">
        <v>62</v>
      </c>
      <c r="AM20" s="33">
        <v>12</v>
      </c>
      <c r="AN20" s="33">
        <v>33930</v>
      </c>
      <c r="AO20" s="33">
        <v>0</v>
      </c>
      <c r="AP20" s="33">
        <v>0</v>
      </c>
      <c r="AQ20" s="43">
        <v>622</v>
      </c>
      <c r="AR20" s="33">
        <v>6173330</v>
      </c>
      <c r="AS20" s="33">
        <v>0</v>
      </c>
      <c r="AT20" s="33">
        <v>0</v>
      </c>
      <c r="AU20" s="43">
        <v>0</v>
      </c>
      <c r="AV20" s="33">
        <v>0</v>
      </c>
      <c r="AW20" s="38">
        <v>19271</v>
      </c>
      <c r="AX20" s="39">
        <v>371185222</v>
      </c>
      <c r="AY20" s="40">
        <v>1</v>
      </c>
      <c r="AZ20" s="41" t="s">
        <v>49</v>
      </c>
      <c r="BA20" s="46">
        <v>259373399</v>
      </c>
      <c r="BB20" s="47">
        <v>102479903</v>
      </c>
      <c r="BC20" s="48">
        <v>9331920</v>
      </c>
      <c r="BD20" s="31">
        <v>14</v>
      </c>
      <c r="BE20" s="49" t="s">
        <v>62</v>
      </c>
      <c r="BF20" s="47">
        <v>479</v>
      </c>
      <c r="BG20" s="47">
        <v>44342089</v>
      </c>
      <c r="BH20" s="47">
        <v>0</v>
      </c>
      <c r="BI20" s="48">
        <v>0</v>
      </c>
    </row>
    <row r="21" spans="1:61" s="14" customFormat="1" ht="13.5" customHeight="1" x14ac:dyDescent="0.15">
      <c r="A21" s="31">
        <v>15</v>
      </c>
      <c r="B21" s="45" t="s">
        <v>63</v>
      </c>
      <c r="C21" s="33">
        <v>115</v>
      </c>
      <c r="D21" s="33">
        <v>1540</v>
      </c>
      <c r="E21" s="33">
        <v>72383220</v>
      </c>
      <c r="F21" s="33">
        <v>5629</v>
      </c>
      <c r="G21" s="33">
        <v>8103</v>
      </c>
      <c r="H21" s="33">
        <v>94363470</v>
      </c>
      <c r="I21" s="33">
        <v>1518</v>
      </c>
      <c r="J21" s="33">
        <v>3092</v>
      </c>
      <c r="K21" s="33">
        <v>19529740</v>
      </c>
      <c r="L21" s="34">
        <v>7262</v>
      </c>
      <c r="M21" s="34">
        <v>12735</v>
      </c>
      <c r="N21" s="34">
        <v>186276430</v>
      </c>
      <c r="O21" s="33">
        <v>3924</v>
      </c>
      <c r="P21" s="33">
        <v>4519</v>
      </c>
      <c r="Q21" s="35">
        <v>51134320</v>
      </c>
      <c r="R21" s="31">
        <v>15</v>
      </c>
      <c r="S21" s="45" t="s">
        <v>63</v>
      </c>
      <c r="T21" s="33">
        <v>106</v>
      </c>
      <c r="U21" s="33">
        <v>3758</v>
      </c>
      <c r="V21" s="33">
        <v>2462487</v>
      </c>
      <c r="W21" s="33">
        <v>22</v>
      </c>
      <c r="X21" s="33">
        <v>250</v>
      </c>
      <c r="Y21" s="33">
        <v>2505590</v>
      </c>
      <c r="Z21" s="34">
        <v>11208</v>
      </c>
      <c r="AA21" s="34">
        <v>242378827</v>
      </c>
      <c r="AB21" s="33">
        <v>0</v>
      </c>
      <c r="AC21" s="33">
        <v>9</v>
      </c>
      <c r="AD21" s="33">
        <v>246560</v>
      </c>
      <c r="AE21" s="33">
        <v>7</v>
      </c>
      <c r="AF21" s="33">
        <v>242557</v>
      </c>
      <c r="AG21" s="33">
        <v>212</v>
      </c>
      <c r="AH21" s="33">
        <v>1781077</v>
      </c>
      <c r="AI21" s="33">
        <v>47</v>
      </c>
      <c r="AJ21" s="35">
        <v>893705</v>
      </c>
      <c r="AK21" s="31">
        <v>15</v>
      </c>
      <c r="AL21" s="45" t="s">
        <v>63</v>
      </c>
      <c r="AM21" s="33">
        <v>0</v>
      </c>
      <c r="AN21" s="33">
        <v>0</v>
      </c>
      <c r="AO21" s="33">
        <v>0</v>
      </c>
      <c r="AP21" s="33">
        <v>0</v>
      </c>
      <c r="AQ21" s="43">
        <v>275</v>
      </c>
      <c r="AR21" s="33">
        <v>3163899</v>
      </c>
      <c r="AS21" s="33">
        <v>0</v>
      </c>
      <c r="AT21" s="33">
        <v>0</v>
      </c>
      <c r="AU21" s="43">
        <v>0</v>
      </c>
      <c r="AV21" s="33">
        <v>0</v>
      </c>
      <c r="AW21" s="38">
        <v>11483</v>
      </c>
      <c r="AX21" s="39">
        <v>245542726</v>
      </c>
      <c r="AY21" s="40">
        <v>1</v>
      </c>
      <c r="AZ21" s="41" t="s">
        <v>49</v>
      </c>
      <c r="BA21" s="46">
        <v>171385132</v>
      </c>
      <c r="BB21" s="47">
        <v>67296641</v>
      </c>
      <c r="BC21" s="48">
        <v>6860953</v>
      </c>
      <c r="BD21" s="31">
        <v>15</v>
      </c>
      <c r="BE21" s="49" t="s">
        <v>63</v>
      </c>
      <c r="BF21" s="47">
        <v>276</v>
      </c>
      <c r="BG21" s="47">
        <v>26424287</v>
      </c>
      <c r="BH21" s="47">
        <v>0</v>
      </c>
      <c r="BI21" s="48">
        <v>0</v>
      </c>
    </row>
    <row r="22" spans="1:61" s="14" customFormat="1" ht="13.5" customHeight="1" x14ac:dyDescent="0.15">
      <c r="A22" s="31">
        <v>16</v>
      </c>
      <c r="B22" s="45" t="s">
        <v>64</v>
      </c>
      <c r="C22" s="33">
        <v>138</v>
      </c>
      <c r="D22" s="33">
        <v>1984</v>
      </c>
      <c r="E22" s="33">
        <v>87422496</v>
      </c>
      <c r="F22" s="33">
        <v>5736</v>
      </c>
      <c r="G22" s="33">
        <v>8277</v>
      </c>
      <c r="H22" s="33">
        <v>101139195</v>
      </c>
      <c r="I22" s="33">
        <v>1538</v>
      </c>
      <c r="J22" s="33">
        <v>2900</v>
      </c>
      <c r="K22" s="33">
        <v>19932915</v>
      </c>
      <c r="L22" s="34">
        <v>7412</v>
      </c>
      <c r="M22" s="34">
        <v>13161</v>
      </c>
      <c r="N22" s="34">
        <v>208494606</v>
      </c>
      <c r="O22" s="33">
        <v>2958</v>
      </c>
      <c r="P22" s="33">
        <v>3594</v>
      </c>
      <c r="Q22" s="35">
        <v>28486390</v>
      </c>
      <c r="R22" s="31">
        <v>16</v>
      </c>
      <c r="S22" s="45" t="s">
        <v>64</v>
      </c>
      <c r="T22" s="33">
        <v>141</v>
      </c>
      <c r="U22" s="33">
        <v>5376</v>
      </c>
      <c r="V22" s="33">
        <v>3624812</v>
      </c>
      <c r="W22" s="33">
        <v>2</v>
      </c>
      <c r="X22" s="33">
        <v>3</v>
      </c>
      <c r="Y22" s="33">
        <v>64230</v>
      </c>
      <c r="Z22" s="34">
        <v>10372</v>
      </c>
      <c r="AA22" s="34">
        <v>240670038</v>
      </c>
      <c r="AB22" s="33">
        <v>0</v>
      </c>
      <c r="AC22" s="33">
        <v>0</v>
      </c>
      <c r="AD22" s="33">
        <v>0</v>
      </c>
      <c r="AE22" s="33">
        <v>5</v>
      </c>
      <c r="AF22" s="33">
        <v>206454</v>
      </c>
      <c r="AG22" s="33">
        <v>168</v>
      </c>
      <c r="AH22" s="33">
        <v>907689</v>
      </c>
      <c r="AI22" s="33">
        <v>21</v>
      </c>
      <c r="AJ22" s="35">
        <v>156887</v>
      </c>
      <c r="AK22" s="31">
        <v>16</v>
      </c>
      <c r="AL22" s="45" t="s">
        <v>64</v>
      </c>
      <c r="AM22" s="33">
        <v>4</v>
      </c>
      <c r="AN22" s="33">
        <v>28070</v>
      </c>
      <c r="AO22" s="33">
        <v>0</v>
      </c>
      <c r="AP22" s="33">
        <v>0</v>
      </c>
      <c r="AQ22" s="43">
        <v>198</v>
      </c>
      <c r="AR22" s="33">
        <v>1299100</v>
      </c>
      <c r="AS22" s="33">
        <v>0</v>
      </c>
      <c r="AT22" s="33">
        <v>0</v>
      </c>
      <c r="AU22" s="43">
        <v>0</v>
      </c>
      <c r="AV22" s="33">
        <v>0</v>
      </c>
      <c r="AW22" s="38">
        <v>10570</v>
      </c>
      <c r="AX22" s="39">
        <v>241969138</v>
      </c>
      <c r="AY22" s="40">
        <v>1</v>
      </c>
      <c r="AZ22" s="41" t="s">
        <v>49</v>
      </c>
      <c r="BA22" s="46">
        <v>168831183</v>
      </c>
      <c r="BB22" s="47">
        <v>68427700</v>
      </c>
      <c r="BC22" s="48">
        <v>4710255</v>
      </c>
      <c r="BD22" s="31">
        <v>16</v>
      </c>
      <c r="BE22" s="49" t="s">
        <v>64</v>
      </c>
      <c r="BF22" s="47">
        <v>224</v>
      </c>
      <c r="BG22" s="47">
        <v>26570716</v>
      </c>
      <c r="BH22" s="47">
        <v>3</v>
      </c>
      <c r="BI22" s="48">
        <v>292349</v>
      </c>
    </row>
    <row r="23" spans="1:61" s="14" customFormat="1" ht="13.5" customHeight="1" x14ac:dyDescent="0.15">
      <c r="A23" s="31">
        <v>17</v>
      </c>
      <c r="B23" s="45" t="s">
        <v>65</v>
      </c>
      <c r="C23" s="33">
        <v>203</v>
      </c>
      <c r="D23" s="33">
        <v>2718</v>
      </c>
      <c r="E23" s="33">
        <v>120558545</v>
      </c>
      <c r="F23" s="33">
        <v>7560</v>
      </c>
      <c r="G23" s="33">
        <v>11766</v>
      </c>
      <c r="H23" s="33">
        <v>163561890</v>
      </c>
      <c r="I23" s="33">
        <v>1776</v>
      </c>
      <c r="J23" s="33">
        <v>3512</v>
      </c>
      <c r="K23" s="33">
        <v>24337950</v>
      </c>
      <c r="L23" s="34">
        <v>9539</v>
      </c>
      <c r="M23" s="34">
        <v>17996</v>
      </c>
      <c r="N23" s="34">
        <v>308458385</v>
      </c>
      <c r="O23" s="33">
        <v>5057</v>
      </c>
      <c r="P23" s="33">
        <v>6064</v>
      </c>
      <c r="Q23" s="35">
        <v>57891720</v>
      </c>
      <c r="R23" s="31">
        <v>17</v>
      </c>
      <c r="S23" s="45" t="s">
        <v>65</v>
      </c>
      <c r="T23" s="33">
        <v>194</v>
      </c>
      <c r="U23" s="33">
        <v>6574</v>
      </c>
      <c r="V23" s="33">
        <v>4507234</v>
      </c>
      <c r="W23" s="33">
        <v>32</v>
      </c>
      <c r="X23" s="33">
        <v>125</v>
      </c>
      <c r="Y23" s="33">
        <v>1345290</v>
      </c>
      <c r="Z23" s="34">
        <v>14628</v>
      </c>
      <c r="AA23" s="34">
        <v>372202629</v>
      </c>
      <c r="AB23" s="33">
        <v>0</v>
      </c>
      <c r="AC23" s="33">
        <v>0</v>
      </c>
      <c r="AD23" s="33">
        <v>0</v>
      </c>
      <c r="AE23" s="33">
        <v>3</v>
      </c>
      <c r="AF23" s="33">
        <v>77406</v>
      </c>
      <c r="AG23" s="33">
        <v>220</v>
      </c>
      <c r="AH23" s="33">
        <v>1264978</v>
      </c>
      <c r="AI23" s="33">
        <v>2</v>
      </c>
      <c r="AJ23" s="35">
        <v>49200</v>
      </c>
      <c r="AK23" s="31">
        <v>17</v>
      </c>
      <c r="AL23" s="45" t="s">
        <v>65</v>
      </c>
      <c r="AM23" s="33">
        <v>0</v>
      </c>
      <c r="AN23" s="33">
        <v>0</v>
      </c>
      <c r="AO23" s="33">
        <v>0</v>
      </c>
      <c r="AP23" s="33">
        <v>0</v>
      </c>
      <c r="AQ23" s="43">
        <v>225</v>
      </c>
      <c r="AR23" s="33">
        <v>1391584</v>
      </c>
      <c r="AS23" s="33">
        <v>0</v>
      </c>
      <c r="AT23" s="33">
        <v>0</v>
      </c>
      <c r="AU23" s="43">
        <v>0</v>
      </c>
      <c r="AV23" s="33">
        <v>0</v>
      </c>
      <c r="AW23" s="38">
        <v>14853</v>
      </c>
      <c r="AX23" s="39">
        <v>373594213</v>
      </c>
      <c r="AY23" s="40">
        <v>1</v>
      </c>
      <c r="AZ23" s="41" t="s">
        <v>49</v>
      </c>
      <c r="BA23" s="46">
        <v>260894762</v>
      </c>
      <c r="BB23" s="47">
        <v>101561509</v>
      </c>
      <c r="BC23" s="48">
        <v>11137942</v>
      </c>
      <c r="BD23" s="31">
        <v>17</v>
      </c>
      <c r="BE23" s="49" t="s">
        <v>65</v>
      </c>
      <c r="BF23" s="47">
        <v>445</v>
      </c>
      <c r="BG23" s="47">
        <v>50049668</v>
      </c>
      <c r="BH23" s="47">
        <v>1</v>
      </c>
      <c r="BI23" s="48">
        <v>40</v>
      </c>
    </row>
    <row r="24" spans="1:61" s="14" customFormat="1" ht="13.5" customHeight="1" x14ac:dyDescent="0.15">
      <c r="A24" s="31">
        <v>18</v>
      </c>
      <c r="B24" s="45" t="s">
        <v>66</v>
      </c>
      <c r="C24" s="33">
        <v>72</v>
      </c>
      <c r="D24" s="33">
        <v>1150</v>
      </c>
      <c r="E24" s="33">
        <v>42256470</v>
      </c>
      <c r="F24" s="33">
        <v>2844</v>
      </c>
      <c r="G24" s="33">
        <v>4181</v>
      </c>
      <c r="H24" s="33">
        <v>44117870</v>
      </c>
      <c r="I24" s="33">
        <v>742</v>
      </c>
      <c r="J24" s="33">
        <v>1595</v>
      </c>
      <c r="K24" s="33">
        <v>10252440</v>
      </c>
      <c r="L24" s="34">
        <v>3658</v>
      </c>
      <c r="M24" s="34">
        <v>6926</v>
      </c>
      <c r="N24" s="34">
        <v>96626780</v>
      </c>
      <c r="O24" s="33">
        <v>1928</v>
      </c>
      <c r="P24" s="33">
        <v>2271</v>
      </c>
      <c r="Q24" s="35">
        <v>19892740</v>
      </c>
      <c r="R24" s="31">
        <v>18</v>
      </c>
      <c r="S24" s="45" t="s">
        <v>66</v>
      </c>
      <c r="T24" s="33">
        <v>61</v>
      </c>
      <c r="U24" s="33">
        <v>2827</v>
      </c>
      <c r="V24" s="33">
        <v>1809609</v>
      </c>
      <c r="W24" s="33">
        <v>2</v>
      </c>
      <c r="X24" s="33">
        <v>6</v>
      </c>
      <c r="Y24" s="33">
        <v>75820</v>
      </c>
      <c r="Z24" s="34">
        <v>5588</v>
      </c>
      <c r="AA24" s="34">
        <v>118404949</v>
      </c>
      <c r="AB24" s="33">
        <v>0</v>
      </c>
      <c r="AC24" s="33">
        <v>0</v>
      </c>
      <c r="AD24" s="33">
        <v>0</v>
      </c>
      <c r="AE24" s="33">
        <v>1</v>
      </c>
      <c r="AF24" s="33">
        <v>20645</v>
      </c>
      <c r="AG24" s="33">
        <v>108</v>
      </c>
      <c r="AH24" s="33">
        <v>769913</v>
      </c>
      <c r="AI24" s="33">
        <v>32</v>
      </c>
      <c r="AJ24" s="35">
        <v>1162555</v>
      </c>
      <c r="AK24" s="31">
        <v>18</v>
      </c>
      <c r="AL24" s="45" t="s">
        <v>66</v>
      </c>
      <c r="AM24" s="33">
        <v>-1</v>
      </c>
      <c r="AN24" s="33">
        <v>-16940</v>
      </c>
      <c r="AO24" s="33">
        <v>0</v>
      </c>
      <c r="AP24" s="33">
        <v>0</v>
      </c>
      <c r="AQ24" s="43">
        <v>140</v>
      </c>
      <c r="AR24" s="33">
        <v>1936173</v>
      </c>
      <c r="AS24" s="33">
        <v>0</v>
      </c>
      <c r="AT24" s="33">
        <v>0</v>
      </c>
      <c r="AU24" s="43">
        <v>0</v>
      </c>
      <c r="AV24" s="33">
        <v>0</v>
      </c>
      <c r="AW24" s="38">
        <v>5728</v>
      </c>
      <c r="AX24" s="39">
        <v>120341122</v>
      </c>
      <c r="AY24" s="40">
        <v>1</v>
      </c>
      <c r="AZ24" s="41" t="s">
        <v>49</v>
      </c>
      <c r="BA24" s="46">
        <v>84111566</v>
      </c>
      <c r="BB24" s="47">
        <v>32945457</v>
      </c>
      <c r="BC24" s="48">
        <v>3284099</v>
      </c>
      <c r="BD24" s="31">
        <v>18</v>
      </c>
      <c r="BE24" s="49" t="s">
        <v>66</v>
      </c>
      <c r="BF24" s="47">
        <v>128</v>
      </c>
      <c r="BG24" s="47">
        <v>12946541</v>
      </c>
      <c r="BH24" s="47">
        <v>0</v>
      </c>
      <c r="BI24" s="48">
        <v>0</v>
      </c>
    </row>
    <row r="25" spans="1:61" s="14" customFormat="1" ht="13.5" customHeight="1" thickBot="1" x14ac:dyDescent="0.2">
      <c r="A25" s="50">
        <v>21</v>
      </c>
      <c r="B25" s="51" t="s">
        <v>67</v>
      </c>
      <c r="C25" s="52">
        <v>91</v>
      </c>
      <c r="D25" s="52">
        <v>1404</v>
      </c>
      <c r="E25" s="52">
        <v>55101340</v>
      </c>
      <c r="F25" s="52">
        <v>4498</v>
      </c>
      <c r="G25" s="52">
        <v>6776</v>
      </c>
      <c r="H25" s="52">
        <v>76697350</v>
      </c>
      <c r="I25" s="52">
        <v>1141</v>
      </c>
      <c r="J25" s="52">
        <v>2078</v>
      </c>
      <c r="K25" s="53">
        <v>14211210</v>
      </c>
      <c r="L25" s="54">
        <v>5730</v>
      </c>
      <c r="M25" s="54">
        <v>10258</v>
      </c>
      <c r="N25" s="54">
        <v>146009900</v>
      </c>
      <c r="O25" s="55">
        <v>3117</v>
      </c>
      <c r="P25" s="55">
        <v>3791</v>
      </c>
      <c r="Q25" s="56">
        <v>41423050</v>
      </c>
      <c r="R25" s="50">
        <v>21</v>
      </c>
      <c r="S25" s="51" t="s">
        <v>67</v>
      </c>
      <c r="T25" s="55">
        <v>79</v>
      </c>
      <c r="U25" s="55">
        <v>3292</v>
      </c>
      <c r="V25" s="55">
        <v>2257998</v>
      </c>
      <c r="W25" s="55">
        <v>13</v>
      </c>
      <c r="X25" s="55">
        <v>43</v>
      </c>
      <c r="Y25" s="55">
        <v>535250</v>
      </c>
      <c r="Z25" s="54">
        <v>8860</v>
      </c>
      <c r="AA25" s="54">
        <v>190226198</v>
      </c>
      <c r="AB25" s="55">
        <v>0</v>
      </c>
      <c r="AC25" s="55">
        <v>0</v>
      </c>
      <c r="AD25" s="55">
        <v>0</v>
      </c>
      <c r="AE25" s="55">
        <v>7</v>
      </c>
      <c r="AF25" s="55">
        <v>169241</v>
      </c>
      <c r="AG25" s="55">
        <v>343</v>
      </c>
      <c r="AH25" s="55">
        <v>3699322</v>
      </c>
      <c r="AI25" s="55">
        <v>6</v>
      </c>
      <c r="AJ25" s="56">
        <v>170575</v>
      </c>
      <c r="AK25" s="50">
        <v>21</v>
      </c>
      <c r="AL25" s="51" t="s">
        <v>67</v>
      </c>
      <c r="AM25" s="55">
        <v>0</v>
      </c>
      <c r="AN25" s="55">
        <v>0</v>
      </c>
      <c r="AO25" s="55">
        <v>0</v>
      </c>
      <c r="AP25" s="55">
        <v>0</v>
      </c>
      <c r="AQ25" s="57">
        <v>356</v>
      </c>
      <c r="AR25" s="55">
        <v>4039138</v>
      </c>
      <c r="AS25" s="55">
        <v>0</v>
      </c>
      <c r="AT25" s="55">
        <v>0</v>
      </c>
      <c r="AU25" s="57">
        <v>0</v>
      </c>
      <c r="AV25" s="55">
        <v>0</v>
      </c>
      <c r="AW25" s="58">
        <v>9216</v>
      </c>
      <c r="AX25" s="59">
        <v>194265336</v>
      </c>
      <c r="AY25" s="40">
        <v>1</v>
      </c>
      <c r="AZ25" s="41" t="s">
        <v>49</v>
      </c>
      <c r="BA25" s="60">
        <v>135788181</v>
      </c>
      <c r="BB25" s="61">
        <v>54526872</v>
      </c>
      <c r="BC25" s="62">
        <v>3950283</v>
      </c>
      <c r="BD25" s="50">
        <v>21</v>
      </c>
      <c r="BE25" s="63" t="s">
        <v>67</v>
      </c>
      <c r="BF25" s="61">
        <v>267</v>
      </c>
      <c r="BG25" s="61">
        <v>19912886</v>
      </c>
      <c r="BH25" s="61">
        <v>2</v>
      </c>
      <c r="BI25" s="62">
        <v>37082</v>
      </c>
    </row>
    <row r="26" spans="1:61" s="14" customFormat="1" ht="13.5" customHeight="1" thickTop="1" x14ac:dyDescent="0.15">
      <c r="A26" s="64">
        <v>19</v>
      </c>
      <c r="B26" s="36" t="s">
        <v>68</v>
      </c>
      <c r="C26" s="33">
        <v>41</v>
      </c>
      <c r="D26" s="33">
        <v>635</v>
      </c>
      <c r="E26" s="33">
        <v>27141210</v>
      </c>
      <c r="F26" s="33">
        <v>1664</v>
      </c>
      <c r="G26" s="33">
        <v>2245</v>
      </c>
      <c r="H26" s="33">
        <v>21445960</v>
      </c>
      <c r="I26" s="33">
        <v>432</v>
      </c>
      <c r="J26" s="33">
        <v>806</v>
      </c>
      <c r="K26" s="33">
        <v>5484990</v>
      </c>
      <c r="L26" s="65">
        <v>2137</v>
      </c>
      <c r="M26" s="65">
        <v>3686</v>
      </c>
      <c r="N26" s="65">
        <v>54072160</v>
      </c>
      <c r="O26" s="33">
        <v>1110</v>
      </c>
      <c r="P26" s="33">
        <v>1286</v>
      </c>
      <c r="Q26" s="35">
        <v>11657620</v>
      </c>
      <c r="R26" s="31">
        <v>19</v>
      </c>
      <c r="S26" s="36" t="s">
        <v>68</v>
      </c>
      <c r="T26" s="33">
        <v>40</v>
      </c>
      <c r="U26" s="33">
        <v>1665</v>
      </c>
      <c r="V26" s="33">
        <v>1166224</v>
      </c>
      <c r="W26" s="33">
        <v>14</v>
      </c>
      <c r="X26" s="33">
        <v>55</v>
      </c>
      <c r="Y26" s="33">
        <v>565430</v>
      </c>
      <c r="Z26" s="34">
        <v>3261</v>
      </c>
      <c r="AA26" s="34">
        <v>67461434</v>
      </c>
      <c r="AB26" s="33">
        <v>0</v>
      </c>
      <c r="AC26" s="33">
        <v>0</v>
      </c>
      <c r="AD26" s="33">
        <v>0</v>
      </c>
      <c r="AE26" s="33">
        <v>2</v>
      </c>
      <c r="AF26" s="33">
        <v>52766</v>
      </c>
      <c r="AG26" s="33">
        <v>69</v>
      </c>
      <c r="AH26" s="33">
        <v>516054</v>
      </c>
      <c r="AI26" s="33">
        <v>14</v>
      </c>
      <c r="AJ26" s="35">
        <v>460030</v>
      </c>
      <c r="AK26" s="64">
        <v>19</v>
      </c>
      <c r="AL26" s="36" t="s">
        <v>68</v>
      </c>
      <c r="AM26" s="33">
        <v>25</v>
      </c>
      <c r="AN26" s="33">
        <v>224500</v>
      </c>
      <c r="AO26" s="33">
        <v>0</v>
      </c>
      <c r="AP26" s="33">
        <v>0</v>
      </c>
      <c r="AQ26" s="43">
        <v>110</v>
      </c>
      <c r="AR26" s="33">
        <v>1253350</v>
      </c>
      <c r="AS26" s="33">
        <v>0</v>
      </c>
      <c r="AT26" s="33">
        <v>0</v>
      </c>
      <c r="AU26" s="43">
        <v>0</v>
      </c>
      <c r="AV26" s="33">
        <v>0</v>
      </c>
      <c r="AW26" s="66">
        <v>3371</v>
      </c>
      <c r="AX26" s="67">
        <v>68714784</v>
      </c>
      <c r="AY26" s="40">
        <v>1</v>
      </c>
      <c r="AZ26" s="41" t="s">
        <v>49</v>
      </c>
      <c r="BA26" s="42">
        <v>47893251</v>
      </c>
      <c r="BB26" s="43">
        <v>18525856</v>
      </c>
      <c r="BC26" s="35">
        <v>2295677</v>
      </c>
      <c r="BD26" s="64">
        <v>19</v>
      </c>
      <c r="BE26" s="44" t="s">
        <v>68</v>
      </c>
      <c r="BF26" s="43">
        <v>59</v>
      </c>
      <c r="BG26" s="43">
        <v>7065607</v>
      </c>
      <c r="BH26" s="43">
        <v>1</v>
      </c>
      <c r="BI26" s="35">
        <v>5507</v>
      </c>
    </row>
    <row r="27" spans="1:61" s="14" customFormat="1" ht="13.5" customHeight="1" x14ac:dyDescent="0.15">
      <c r="A27" s="31">
        <v>20</v>
      </c>
      <c r="B27" s="45" t="s">
        <v>69</v>
      </c>
      <c r="C27" s="33">
        <v>57</v>
      </c>
      <c r="D27" s="33">
        <v>701</v>
      </c>
      <c r="E27" s="33">
        <v>31054420</v>
      </c>
      <c r="F27" s="33">
        <v>2858</v>
      </c>
      <c r="G27" s="33">
        <v>4461</v>
      </c>
      <c r="H27" s="33">
        <v>50416094</v>
      </c>
      <c r="I27" s="33">
        <v>756</v>
      </c>
      <c r="J27" s="33">
        <v>1257</v>
      </c>
      <c r="K27" s="33">
        <v>8348840</v>
      </c>
      <c r="L27" s="34">
        <v>3671</v>
      </c>
      <c r="M27" s="34">
        <v>6419</v>
      </c>
      <c r="N27" s="34">
        <v>89819354</v>
      </c>
      <c r="O27" s="33">
        <v>1893</v>
      </c>
      <c r="P27" s="33">
        <v>2361</v>
      </c>
      <c r="Q27" s="35">
        <v>22002000</v>
      </c>
      <c r="R27" s="31">
        <v>20</v>
      </c>
      <c r="S27" s="45" t="s">
        <v>69</v>
      </c>
      <c r="T27" s="33">
        <v>53</v>
      </c>
      <c r="U27" s="33">
        <v>1830</v>
      </c>
      <c r="V27" s="33">
        <v>1195912</v>
      </c>
      <c r="W27" s="33">
        <v>0</v>
      </c>
      <c r="X27" s="33">
        <v>0</v>
      </c>
      <c r="Y27" s="33">
        <v>0</v>
      </c>
      <c r="Z27" s="34">
        <v>5564</v>
      </c>
      <c r="AA27" s="34">
        <v>113017266</v>
      </c>
      <c r="AB27" s="33">
        <v>0</v>
      </c>
      <c r="AC27" s="33">
        <v>0</v>
      </c>
      <c r="AD27" s="33">
        <v>0</v>
      </c>
      <c r="AE27" s="33">
        <v>0</v>
      </c>
      <c r="AF27" s="33">
        <v>0</v>
      </c>
      <c r="AG27" s="33">
        <v>140</v>
      </c>
      <c r="AH27" s="33">
        <v>954395</v>
      </c>
      <c r="AI27" s="33">
        <v>14</v>
      </c>
      <c r="AJ27" s="35">
        <v>630010</v>
      </c>
      <c r="AK27" s="31">
        <v>20</v>
      </c>
      <c r="AL27" s="45" t="s">
        <v>69</v>
      </c>
      <c r="AM27" s="33">
        <v>6</v>
      </c>
      <c r="AN27" s="33">
        <v>50940</v>
      </c>
      <c r="AO27" s="33">
        <v>0</v>
      </c>
      <c r="AP27" s="33">
        <v>0</v>
      </c>
      <c r="AQ27" s="43">
        <v>160</v>
      </c>
      <c r="AR27" s="33">
        <v>1635345</v>
      </c>
      <c r="AS27" s="33">
        <v>0</v>
      </c>
      <c r="AT27" s="33">
        <v>0</v>
      </c>
      <c r="AU27" s="43">
        <v>0</v>
      </c>
      <c r="AV27" s="33">
        <v>0</v>
      </c>
      <c r="AW27" s="38">
        <v>5724</v>
      </c>
      <c r="AX27" s="39">
        <v>114652611</v>
      </c>
      <c r="AY27" s="40">
        <v>1</v>
      </c>
      <c r="AZ27" s="41" t="s">
        <v>49</v>
      </c>
      <c r="BA27" s="46">
        <v>80107364</v>
      </c>
      <c r="BB27" s="47">
        <v>30948964</v>
      </c>
      <c r="BC27" s="48">
        <v>3596283</v>
      </c>
      <c r="BD27" s="31">
        <v>20</v>
      </c>
      <c r="BE27" s="49" t="s">
        <v>69</v>
      </c>
      <c r="BF27" s="47">
        <v>144</v>
      </c>
      <c r="BG27" s="47">
        <v>11527434</v>
      </c>
      <c r="BH27" s="47">
        <v>2</v>
      </c>
      <c r="BI27" s="48">
        <v>58294</v>
      </c>
    </row>
    <row r="28" spans="1:61" s="14" customFormat="1" ht="13.5" customHeight="1" x14ac:dyDescent="0.15">
      <c r="A28" s="31">
        <v>22</v>
      </c>
      <c r="B28" s="45" t="s">
        <v>70</v>
      </c>
      <c r="C28" s="33">
        <v>41</v>
      </c>
      <c r="D28" s="33">
        <v>591</v>
      </c>
      <c r="E28" s="33">
        <v>19692020</v>
      </c>
      <c r="F28" s="33">
        <v>1878</v>
      </c>
      <c r="G28" s="33">
        <v>2714</v>
      </c>
      <c r="H28" s="33">
        <v>24561370</v>
      </c>
      <c r="I28" s="33">
        <v>381</v>
      </c>
      <c r="J28" s="33">
        <v>804</v>
      </c>
      <c r="K28" s="33">
        <v>5039740</v>
      </c>
      <c r="L28" s="34">
        <v>2300</v>
      </c>
      <c r="M28" s="34">
        <v>4109</v>
      </c>
      <c r="N28" s="34">
        <v>49293130</v>
      </c>
      <c r="O28" s="33">
        <v>1420</v>
      </c>
      <c r="P28" s="33">
        <v>1631</v>
      </c>
      <c r="Q28" s="35">
        <v>21378160</v>
      </c>
      <c r="R28" s="31">
        <v>22</v>
      </c>
      <c r="S28" s="45" t="s">
        <v>70</v>
      </c>
      <c r="T28" s="33">
        <v>37</v>
      </c>
      <c r="U28" s="33">
        <v>1487</v>
      </c>
      <c r="V28" s="33">
        <v>986526</v>
      </c>
      <c r="W28" s="33">
        <v>7</v>
      </c>
      <c r="X28" s="33">
        <v>51</v>
      </c>
      <c r="Y28" s="33">
        <v>441620</v>
      </c>
      <c r="Z28" s="34">
        <v>3727</v>
      </c>
      <c r="AA28" s="34">
        <v>72099436</v>
      </c>
      <c r="AB28" s="33">
        <v>1</v>
      </c>
      <c r="AC28" s="33">
        <v>0</v>
      </c>
      <c r="AD28" s="33">
        <v>0</v>
      </c>
      <c r="AE28" s="33">
        <v>0</v>
      </c>
      <c r="AF28" s="33">
        <v>0</v>
      </c>
      <c r="AG28" s="33">
        <v>39</v>
      </c>
      <c r="AH28" s="33">
        <v>252770</v>
      </c>
      <c r="AI28" s="33">
        <v>47</v>
      </c>
      <c r="AJ28" s="35">
        <v>1435515</v>
      </c>
      <c r="AK28" s="31">
        <v>22</v>
      </c>
      <c r="AL28" s="45" t="s">
        <v>70</v>
      </c>
      <c r="AM28" s="33">
        <v>22</v>
      </c>
      <c r="AN28" s="33">
        <v>1040840</v>
      </c>
      <c r="AO28" s="33">
        <v>0</v>
      </c>
      <c r="AP28" s="33">
        <v>0</v>
      </c>
      <c r="AQ28" s="43">
        <v>108</v>
      </c>
      <c r="AR28" s="33">
        <v>2729125</v>
      </c>
      <c r="AS28" s="33">
        <v>0</v>
      </c>
      <c r="AT28" s="33">
        <v>0</v>
      </c>
      <c r="AU28" s="43">
        <v>0</v>
      </c>
      <c r="AV28" s="33">
        <v>0</v>
      </c>
      <c r="AW28" s="38">
        <v>3836</v>
      </c>
      <c r="AX28" s="39">
        <v>74828561</v>
      </c>
      <c r="AY28" s="40">
        <v>1</v>
      </c>
      <c r="AZ28" s="41" t="s">
        <v>49</v>
      </c>
      <c r="BA28" s="46">
        <v>52216475</v>
      </c>
      <c r="BB28" s="47">
        <v>20443159</v>
      </c>
      <c r="BC28" s="48">
        <v>2168927</v>
      </c>
      <c r="BD28" s="31">
        <v>22</v>
      </c>
      <c r="BE28" s="49" t="s">
        <v>70</v>
      </c>
      <c r="BF28" s="47">
        <v>82</v>
      </c>
      <c r="BG28" s="47">
        <v>6474465</v>
      </c>
      <c r="BH28" s="47">
        <v>0</v>
      </c>
      <c r="BI28" s="48">
        <v>0</v>
      </c>
    </row>
    <row r="29" spans="1:61" s="14" customFormat="1" ht="13.5" customHeight="1" x14ac:dyDescent="0.15">
      <c r="A29" s="31">
        <v>23</v>
      </c>
      <c r="B29" s="45" t="s">
        <v>71</v>
      </c>
      <c r="C29" s="33">
        <v>45</v>
      </c>
      <c r="D29" s="33">
        <v>666</v>
      </c>
      <c r="E29" s="33">
        <v>26002420</v>
      </c>
      <c r="F29" s="33">
        <v>1903</v>
      </c>
      <c r="G29" s="33">
        <v>3056</v>
      </c>
      <c r="H29" s="33">
        <v>38309190</v>
      </c>
      <c r="I29" s="33">
        <v>463</v>
      </c>
      <c r="J29" s="33">
        <v>858</v>
      </c>
      <c r="K29" s="33">
        <v>5484150</v>
      </c>
      <c r="L29" s="34">
        <v>2411</v>
      </c>
      <c r="M29" s="34">
        <v>4580</v>
      </c>
      <c r="N29" s="34">
        <v>69795760</v>
      </c>
      <c r="O29" s="33">
        <v>1395</v>
      </c>
      <c r="P29" s="33">
        <v>1577</v>
      </c>
      <c r="Q29" s="35">
        <v>15818490</v>
      </c>
      <c r="R29" s="31">
        <v>23</v>
      </c>
      <c r="S29" s="45" t="s">
        <v>71</v>
      </c>
      <c r="T29" s="33">
        <v>43</v>
      </c>
      <c r="U29" s="33">
        <v>1768</v>
      </c>
      <c r="V29" s="33">
        <v>1154438</v>
      </c>
      <c r="W29" s="33">
        <v>0</v>
      </c>
      <c r="X29" s="33">
        <v>0</v>
      </c>
      <c r="Y29" s="33">
        <v>0</v>
      </c>
      <c r="Z29" s="34">
        <v>3806</v>
      </c>
      <c r="AA29" s="34">
        <v>86768688</v>
      </c>
      <c r="AB29" s="33">
        <v>0</v>
      </c>
      <c r="AC29" s="33">
        <v>8</v>
      </c>
      <c r="AD29" s="33">
        <v>102380</v>
      </c>
      <c r="AE29" s="33">
        <v>0</v>
      </c>
      <c r="AF29" s="33">
        <v>0</v>
      </c>
      <c r="AG29" s="33">
        <v>38</v>
      </c>
      <c r="AH29" s="33">
        <v>192742</v>
      </c>
      <c r="AI29" s="33">
        <v>12</v>
      </c>
      <c r="AJ29" s="35">
        <v>644140</v>
      </c>
      <c r="AK29" s="31">
        <v>23</v>
      </c>
      <c r="AL29" s="45" t="s">
        <v>71</v>
      </c>
      <c r="AM29" s="33">
        <v>0</v>
      </c>
      <c r="AN29" s="33">
        <v>0</v>
      </c>
      <c r="AO29" s="33">
        <v>8</v>
      </c>
      <c r="AP29" s="33">
        <v>615540</v>
      </c>
      <c r="AQ29" s="43">
        <v>66</v>
      </c>
      <c r="AR29" s="33">
        <v>1554802</v>
      </c>
      <c r="AS29" s="33">
        <v>0</v>
      </c>
      <c r="AT29" s="33">
        <v>0</v>
      </c>
      <c r="AU29" s="43">
        <v>0</v>
      </c>
      <c r="AV29" s="33">
        <v>0</v>
      </c>
      <c r="AW29" s="38">
        <v>3872</v>
      </c>
      <c r="AX29" s="39">
        <v>88323490</v>
      </c>
      <c r="AY29" s="40">
        <v>1</v>
      </c>
      <c r="AZ29" s="41" t="s">
        <v>49</v>
      </c>
      <c r="BA29" s="46">
        <v>61677337</v>
      </c>
      <c r="BB29" s="47">
        <v>23448862</v>
      </c>
      <c r="BC29" s="48">
        <v>3197291</v>
      </c>
      <c r="BD29" s="31">
        <v>23</v>
      </c>
      <c r="BE29" s="49" t="s">
        <v>71</v>
      </c>
      <c r="BF29" s="47">
        <v>91</v>
      </c>
      <c r="BG29" s="47">
        <v>9844147</v>
      </c>
      <c r="BH29" s="47">
        <v>0</v>
      </c>
      <c r="BI29" s="48">
        <v>0</v>
      </c>
    </row>
    <row r="30" spans="1:61" s="14" customFormat="1" ht="13.5" customHeight="1" x14ac:dyDescent="0.15">
      <c r="A30" s="31">
        <v>24</v>
      </c>
      <c r="B30" s="45" t="s">
        <v>72</v>
      </c>
      <c r="C30" s="33">
        <v>35</v>
      </c>
      <c r="D30" s="33">
        <v>535</v>
      </c>
      <c r="E30" s="33">
        <v>16015810</v>
      </c>
      <c r="F30" s="33">
        <v>1035</v>
      </c>
      <c r="G30" s="33">
        <v>1793</v>
      </c>
      <c r="H30" s="33">
        <v>18926220</v>
      </c>
      <c r="I30" s="33">
        <v>279</v>
      </c>
      <c r="J30" s="33">
        <v>537</v>
      </c>
      <c r="K30" s="33">
        <v>3326370</v>
      </c>
      <c r="L30" s="34">
        <v>1349</v>
      </c>
      <c r="M30" s="34">
        <v>2865</v>
      </c>
      <c r="N30" s="34">
        <v>38268400</v>
      </c>
      <c r="O30" s="33">
        <v>780</v>
      </c>
      <c r="P30" s="33">
        <v>943</v>
      </c>
      <c r="Q30" s="35">
        <v>16872570</v>
      </c>
      <c r="R30" s="31">
        <v>24</v>
      </c>
      <c r="S30" s="45" t="s">
        <v>72</v>
      </c>
      <c r="T30" s="33">
        <v>35</v>
      </c>
      <c r="U30" s="33">
        <v>1489</v>
      </c>
      <c r="V30" s="33">
        <v>974903</v>
      </c>
      <c r="W30" s="33">
        <v>6</v>
      </c>
      <c r="X30" s="33">
        <v>14</v>
      </c>
      <c r="Y30" s="33">
        <v>227240</v>
      </c>
      <c r="Z30" s="34">
        <v>2135</v>
      </c>
      <c r="AA30" s="34">
        <v>56343113</v>
      </c>
      <c r="AB30" s="33">
        <v>0</v>
      </c>
      <c r="AC30" s="33">
        <v>0</v>
      </c>
      <c r="AD30" s="33">
        <v>0</v>
      </c>
      <c r="AE30" s="33">
        <v>2</v>
      </c>
      <c r="AF30" s="33">
        <v>74826</v>
      </c>
      <c r="AG30" s="33">
        <v>30</v>
      </c>
      <c r="AH30" s="33">
        <v>113456</v>
      </c>
      <c r="AI30" s="33">
        <v>0</v>
      </c>
      <c r="AJ30" s="35">
        <v>0</v>
      </c>
      <c r="AK30" s="31">
        <v>24</v>
      </c>
      <c r="AL30" s="45" t="s">
        <v>72</v>
      </c>
      <c r="AM30" s="33">
        <v>0</v>
      </c>
      <c r="AN30" s="33">
        <v>0</v>
      </c>
      <c r="AO30" s="33">
        <v>0</v>
      </c>
      <c r="AP30" s="33">
        <v>0</v>
      </c>
      <c r="AQ30" s="43">
        <v>32</v>
      </c>
      <c r="AR30" s="33">
        <v>188282</v>
      </c>
      <c r="AS30" s="33">
        <v>0</v>
      </c>
      <c r="AT30" s="33">
        <v>0</v>
      </c>
      <c r="AU30" s="43">
        <v>0</v>
      </c>
      <c r="AV30" s="33">
        <v>0</v>
      </c>
      <c r="AW30" s="38">
        <v>2167</v>
      </c>
      <c r="AX30" s="39">
        <v>56531395</v>
      </c>
      <c r="AY30" s="40">
        <v>1</v>
      </c>
      <c r="AZ30" s="41" t="s">
        <v>49</v>
      </c>
      <c r="BA30" s="46">
        <v>39478654</v>
      </c>
      <c r="BB30" s="47">
        <v>15897494</v>
      </c>
      <c r="BC30" s="48">
        <v>1155247</v>
      </c>
      <c r="BD30" s="31">
        <v>24</v>
      </c>
      <c r="BE30" s="49" t="s">
        <v>72</v>
      </c>
      <c r="BF30" s="47">
        <v>81</v>
      </c>
      <c r="BG30" s="47">
        <v>7497666</v>
      </c>
      <c r="BH30" s="47">
        <v>0</v>
      </c>
      <c r="BI30" s="48">
        <v>0</v>
      </c>
    </row>
    <row r="31" spans="1:61" s="14" customFormat="1" ht="13.5" customHeight="1" x14ac:dyDescent="0.15">
      <c r="A31" s="31">
        <v>25</v>
      </c>
      <c r="B31" s="45" t="s">
        <v>73</v>
      </c>
      <c r="C31" s="33">
        <v>27</v>
      </c>
      <c r="D31" s="33">
        <v>691</v>
      </c>
      <c r="E31" s="33">
        <v>10152010</v>
      </c>
      <c r="F31" s="33">
        <v>838</v>
      </c>
      <c r="G31" s="33">
        <v>1347</v>
      </c>
      <c r="H31" s="33">
        <v>12066770</v>
      </c>
      <c r="I31" s="33">
        <v>217</v>
      </c>
      <c r="J31" s="33">
        <v>463</v>
      </c>
      <c r="K31" s="33">
        <v>2666430</v>
      </c>
      <c r="L31" s="34">
        <v>1082</v>
      </c>
      <c r="M31" s="34">
        <v>2501</v>
      </c>
      <c r="N31" s="34">
        <v>24885210</v>
      </c>
      <c r="O31" s="33">
        <v>596</v>
      </c>
      <c r="P31" s="33">
        <v>724</v>
      </c>
      <c r="Q31" s="35">
        <v>5856820</v>
      </c>
      <c r="R31" s="31">
        <v>25</v>
      </c>
      <c r="S31" s="45" t="s">
        <v>73</v>
      </c>
      <c r="T31" s="33">
        <v>25</v>
      </c>
      <c r="U31" s="33">
        <v>2036</v>
      </c>
      <c r="V31" s="33">
        <v>1341824</v>
      </c>
      <c r="W31" s="33">
        <v>0</v>
      </c>
      <c r="X31" s="33">
        <v>0</v>
      </c>
      <c r="Y31" s="33">
        <v>0</v>
      </c>
      <c r="Z31" s="34">
        <v>1678</v>
      </c>
      <c r="AA31" s="34">
        <v>32083854</v>
      </c>
      <c r="AB31" s="33">
        <v>0</v>
      </c>
      <c r="AC31" s="33">
        <v>0</v>
      </c>
      <c r="AD31" s="33">
        <v>0</v>
      </c>
      <c r="AE31" s="33">
        <v>0</v>
      </c>
      <c r="AF31" s="33">
        <v>0</v>
      </c>
      <c r="AG31" s="33">
        <v>65</v>
      </c>
      <c r="AH31" s="33">
        <v>745099</v>
      </c>
      <c r="AI31" s="33">
        <v>0</v>
      </c>
      <c r="AJ31" s="35">
        <v>0</v>
      </c>
      <c r="AK31" s="31">
        <v>25</v>
      </c>
      <c r="AL31" s="45" t="s">
        <v>73</v>
      </c>
      <c r="AM31" s="33">
        <v>0</v>
      </c>
      <c r="AN31" s="33">
        <v>0</v>
      </c>
      <c r="AO31" s="33">
        <v>0</v>
      </c>
      <c r="AP31" s="33">
        <v>0</v>
      </c>
      <c r="AQ31" s="43">
        <v>65</v>
      </c>
      <c r="AR31" s="33">
        <v>745099</v>
      </c>
      <c r="AS31" s="33">
        <v>0</v>
      </c>
      <c r="AT31" s="33">
        <v>0</v>
      </c>
      <c r="AU31" s="43">
        <v>0</v>
      </c>
      <c r="AV31" s="33">
        <v>0</v>
      </c>
      <c r="AW31" s="38">
        <v>1743</v>
      </c>
      <c r="AX31" s="39">
        <v>32828953</v>
      </c>
      <c r="AY31" s="40">
        <v>1</v>
      </c>
      <c r="AZ31" s="41" t="s">
        <v>49</v>
      </c>
      <c r="BA31" s="46">
        <v>22970039</v>
      </c>
      <c r="BB31" s="47">
        <v>9046685</v>
      </c>
      <c r="BC31" s="48">
        <v>812229</v>
      </c>
      <c r="BD31" s="31">
        <v>25</v>
      </c>
      <c r="BE31" s="49" t="s">
        <v>73</v>
      </c>
      <c r="BF31" s="47">
        <v>45</v>
      </c>
      <c r="BG31" s="47">
        <v>3829520</v>
      </c>
      <c r="BH31" s="47">
        <v>0</v>
      </c>
      <c r="BI31" s="48">
        <v>0</v>
      </c>
    </row>
    <row r="32" spans="1:61" s="14" customFormat="1" ht="13.5" customHeight="1" x14ac:dyDescent="0.15">
      <c r="A32" s="31">
        <v>26</v>
      </c>
      <c r="B32" s="45" t="s">
        <v>74</v>
      </c>
      <c r="C32" s="33">
        <v>18</v>
      </c>
      <c r="D32" s="33">
        <v>105</v>
      </c>
      <c r="E32" s="33">
        <v>5634610</v>
      </c>
      <c r="F32" s="33">
        <v>1022</v>
      </c>
      <c r="G32" s="33">
        <v>1361</v>
      </c>
      <c r="H32" s="33">
        <v>14451200</v>
      </c>
      <c r="I32" s="33">
        <v>252</v>
      </c>
      <c r="J32" s="33">
        <v>491</v>
      </c>
      <c r="K32" s="33">
        <v>3504010</v>
      </c>
      <c r="L32" s="34">
        <v>1292</v>
      </c>
      <c r="M32" s="34">
        <v>1957</v>
      </c>
      <c r="N32" s="34">
        <v>23589820</v>
      </c>
      <c r="O32" s="33">
        <v>751</v>
      </c>
      <c r="P32" s="33">
        <v>875</v>
      </c>
      <c r="Q32" s="35">
        <v>9193650</v>
      </c>
      <c r="R32" s="31">
        <v>26</v>
      </c>
      <c r="S32" s="45" t="s">
        <v>74</v>
      </c>
      <c r="T32" s="33">
        <v>16</v>
      </c>
      <c r="U32" s="33">
        <v>197</v>
      </c>
      <c r="V32" s="33">
        <v>135204</v>
      </c>
      <c r="W32" s="33">
        <v>1</v>
      </c>
      <c r="X32" s="33">
        <v>4</v>
      </c>
      <c r="Y32" s="33">
        <v>51040</v>
      </c>
      <c r="Z32" s="34">
        <v>2044</v>
      </c>
      <c r="AA32" s="34">
        <v>32969714</v>
      </c>
      <c r="AB32" s="33">
        <v>0</v>
      </c>
      <c r="AC32" s="33">
        <v>0</v>
      </c>
      <c r="AD32" s="33">
        <v>0</v>
      </c>
      <c r="AE32" s="33">
        <v>0</v>
      </c>
      <c r="AF32" s="33">
        <v>0</v>
      </c>
      <c r="AG32" s="33">
        <v>46</v>
      </c>
      <c r="AH32" s="33">
        <v>400140</v>
      </c>
      <c r="AI32" s="33">
        <v>3</v>
      </c>
      <c r="AJ32" s="35">
        <v>26460</v>
      </c>
      <c r="AK32" s="31">
        <v>26</v>
      </c>
      <c r="AL32" s="45" t="s">
        <v>74</v>
      </c>
      <c r="AM32" s="33">
        <v>13</v>
      </c>
      <c r="AN32" s="33">
        <v>219870</v>
      </c>
      <c r="AO32" s="33">
        <v>0</v>
      </c>
      <c r="AP32" s="33">
        <v>0</v>
      </c>
      <c r="AQ32" s="43">
        <v>62</v>
      </c>
      <c r="AR32" s="33">
        <v>646470</v>
      </c>
      <c r="AS32" s="33">
        <v>0</v>
      </c>
      <c r="AT32" s="33">
        <v>0</v>
      </c>
      <c r="AU32" s="43">
        <v>0</v>
      </c>
      <c r="AV32" s="33">
        <v>0</v>
      </c>
      <c r="AW32" s="38">
        <v>2106</v>
      </c>
      <c r="AX32" s="39">
        <v>33616184</v>
      </c>
      <c r="AY32" s="40">
        <v>1</v>
      </c>
      <c r="AZ32" s="41" t="s">
        <v>49</v>
      </c>
      <c r="BA32" s="46">
        <v>23506358</v>
      </c>
      <c r="BB32" s="47">
        <v>9654402</v>
      </c>
      <c r="BC32" s="48">
        <v>455424</v>
      </c>
      <c r="BD32" s="31">
        <v>26</v>
      </c>
      <c r="BE32" s="49" t="s">
        <v>74</v>
      </c>
      <c r="BF32" s="47">
        <v>41</v>
      </c>
      <c r="BG32" s="47">
        <v>3506547</v>
      </c>
      <c r="BH32" s="47">
        <v>0</v>
      </c>
      <c r="BI32" s="48">
        <v>0</v>
      </c>
    </row>
    <row r="33" spans="1:77" s="14" customFormat="1" ht="13.5" customHeight="1" x14ac:dyDescent="0.15">
      <c r="A33" s="31">
        <v>27</v>
      </c>
      <c r="B33" s="45" t="s">
        <v>75</v>
      </c>
      <c r="C33" s="33">
        <v>21</v>
      </c>
      <c r="D33" s="33">
        <v>202</v>
      </c>
      <c r="E33" s="33">
        <v>8865340</v>
      </c>
      <c r="F33" s="33">
        <v>1310</v>
      </c>
      <c r="G33" s="33">
        <v>1914</v>
      </c>
      <c r="H33" s="33">
        <v>18263310</v>
      </c>
      <c r="I33" s="33">
        <v>342</v>
      </c>
      <c r="J33" s="33">
        <v>710</v>
      </c>
      <c r="K33" s="33">
        <v>4287900</v>
      </c>
      <c r="L33" s="34">
        <v>1673</v>
      </c>
      <c r="M33" s="34">
        <v>2826</v>
      </c>
      <c r="N33" s="34">
        <v>31416550</v>
      </c>
      <c r="O33" s="33">
        <v>975</v>
      </c>
      <c r="P33" s="33">
        <v>1224</v>
      </c>
      <c r="Q33" s="35">
        <v>13673130</v>
      </c>
      <c r="R33" s="31">
        <v>27</v>
      </c>
      <c r="S33" s="45" t="s">
        <v>75</v>
      </c>
      <c r="T33" s="33">
        <v>18</v>
      </c>
      <c r="U33" s="33">
        <v>499</v>
      </c>
      <c r="V33" s="33">
        <v>327650</v>
      </c>
      <c r="W33" s="33">
        <v>1</v>
      </c>
      <c r="X33" s="33">
        <v>6</v>
      </c>
      <c r="Y33" s="33">
        <v>84100</v>
      </c>
      <c r="Z33" s="34">
        <v>2649</v>
      </c>
      <c r="AA33" s="34">
        <v>45501430</v>
      </c>
      <c r="AB33" s="33">
        <v>0</v>
      </c>
      <c r="AC33" s="33">
        <v>0</v>
      </c>
      <c r="AD33" s="33">
        <v>0</v>
      </c>
      <c r="AE33" s="33">
        <v>0</v>
      </c>
      <c r="AF33" s="33">
        <v>0</v>
      </c>
      <c r="AG33" s="33">
        <v>13</v>
      </c>
      <c r="AH33" s="33">
        <v>40954</v>
      </c>
      <c r="AI33" s="33">
        <v>12</v>
      </c>
      <c r="AJ33" s="35">
        <v>341925</v>
      </c>
      <c r="AK33" s="31">
        <v>27</v>
      </c>
      <c r="AL33" s="45" t="s">
        <v>75</v>
      </c>
      <c r="AM33" s="33">
        <v>2</v>
      </c>
      <c r="AN33" s="33">
        <v>13860</v>
      </c>
      <c r="AO33" s="33">
        <v>0</v>
      </c>
      <c r="AP33" s="33">
        <v>0</v>
      </c>
      <c r="AQ33" s="43">
        <v>27</v>
      </c>
      <c r="AR33" s="33">
        <v>396739</v>
      </c>
      <c r="AS33" s="33">
        <v>0</v>
      </c>
      <c r="AT33" s="33">
        <v>0</v>
      </c>
      <c r="AU33" s="43">
        <v>0</v>
      </c>
      <c r="AV33" s="33">
        <v>0</v>
      </c>
      <c r="AW33" s="38">
        <v>2676</v>
      </c>
      <c r="AX33" s="39">
        <v>45898169</v>
      </c>
      <c r="AY33" s="40">
        <v>1</v>
      </c>
      <c r="AZ33" s="41" t="s">
        <v>49</v>
      </c>
      <c r="BA33" s="46">
        <v>32058918</v>
      </c>
      <c r="BB33" s="47">
        <v>13361619</v>
      </c>
      <c r="BC33" s="48">
        <v>477632</v>
      </c>
      <c r="BD33" s="31">
        <v>27</v>
      </c>
      <c r="BE33" s="49" t="s">
        <v>75</v>
      </c>
      <c r="BF33" s="47">
        <v>57</v>
      </c>
      <c r="BG33" s="47">
        <v>4877026</v>
      </c>
      <c r="BH33" s="47">
        <v>0</v>
      </c>
      <c r="BI33" s="48">
        <v>0</v>
      </c>
    </row>
    <row r="34" spans="1:77" s="14" customFormat="1" ht="13.5" customHeight="1" x14ac:dyDescent="0.15">
      <c r="A34" s="31">
        <v>28</v>
      </c>
      <c r="B34" s="45" t="s">
        <v>76</v>
      </c>
      <c r="C34" s="33">
        <v>44</v>
      </c>
      <c r="D34" s="33">
        <v>610</v>
      </c>
      <c r="E34" s="33">
        <v>17193200</v>
      </c>
      <c r="F34" s="33">
        <v>1359</v>
      </c>
      <c r="G34" s="33">
        <v>2304</v>
      </c>
      <c r="H34" s="33">
        <v>26420700</v>
      </c>
      <c r="I34" s="33">
        <v>379</v>
      </c>
      <c r="J34" s="33">
        <v>782</v>
      </c>
      <c r="K34" s="33">
        <v>4952930</v>
      </c>
      <c r="L34" s="34">
        <v>1782</v>
      </c>
      <c r="M34" s="34">
        <v>3696</v>
      </c>
      <c r="N34" s="34">
        <v>48566830</v>
      </c>
      <c r="O34" s="33">
        <v>975</v>
      </c>
      <c r="P34" s="33">
        <v>1235</v>
      </c>
      <c r="Q34" s="35">
        <v>10036880</v>
      </c>
      <c r="R34" s="31">
        <v>28</v>
      </c>
      <c r="S34" s="45" t="s">
        <v>76</v>
      </c>
      <c r="T34" s="33">
        <v>44</v>
      </c>
      <c r="U34" s="33">
        <v>1534</v>
      </c>
      <c r="V34" s="33">
        <v>991476</v>
      </c>
      <c r="W34" s="33">
        <v>16</v>
      </c>
      <c r="X34" s="33">
        <v>58</v>
      </c>
      <c r="Y34" s="33">
        <v>576260</v>
      </c>
      <c r="Z34" s="34">
        <v>2773</v>
      </c>
      <c r="AA34" s="34">
        <v>60171446</v>
      </c>
      <c r="AB34" s="33">
        <v>0</v>
      </c>
      <c r="AC34" s="33">
        <v>0</v>
      </c>
      <c r="AD34" s="33">
        <v>0</v>
      </c>
      <c r="AE34" s="33">
        <v>1</v>
      </c>
      <c r="AF34" s="33">
        <v>48470</v>
      </c>
      <c r="AG34" s="33">
        <v>56</v>
      </c>
      <c r="AH34" s="33">
        <v>417856</v>
      </c>
      <c r="AI34" s="33">
        <v>0</v>
      </c>
      <c r="AJ34" s="35">
        <v>0</v>
      </c>
      <c r="AK34" s="31">
        <v>28</v>
      </c>
      <c r="AL34" s="45" t="s">
        <v>76</v>
      </c>
      <c r="AM34" s="33">
        <v>0</v>
      </c>
      <c r="AN34" s="33">
        <v>0</v>
      </c>
      <c r="AO34" s="33">
        <v>0</v>
      </c>
      <c r="AP34" s="33">
        <v>0</v>
      </c>
      <c r="AQ34" s="43">
        <v>57</v>
      </c>
      <c r="AR34" s="33">
        <v>466326</v>
      </c>
      <c r="AS34" s="33">
        <v>0</v>
      </c>
      <c r="AT34" s="33">
        <v>0</v>
      </c>
      <c r="AU34" s="43">
        <v>0</v>
      </c>
      <c r="AV34" s="33">
        <v>0</v>
      </c>
      <c r="AW34" s="38">
        <v>2830</v>
      </c>
      <c r="AX34" s="39">
        <v>60637772</v>
      </c>
      <c r="AY34" s="40">
        <v>1</v>
      </c>
      <c r="AZ34" s="41" t="s">
        <v>49</v>
      </c>
      <c r="BA34" s="46">
        <v>42305732</v>
      </c>
      <c r="BB34" s="47">
        <v>16736209</v>
      </c>
      <c r="BC34" s="48">
        <v>1595831</v>
      </c>
      <c r="BD34" s="31">
        <v>28</v>
      </c>
      <c r="BE34" s="49" t="s">
        <v>76</v>
      </c>
      <c r="BF34" s="47">
        <v>103</v>
      </c>
      <c r="BG34" s="47">
        <v>7401297</v>
      </c>
      <c r="BH34" s="47">
        <v>0</v>
      </c>
      <c r="BI34" s="48">
        <v>0</v>
      </c>
    </row>
    <row r="35" spans="1:77" s="14" customFormat="1" ht="13.5" customHeight="1" x14ac:dyDescent="0.15">
      <c r="A35" s="31">
        <v>29</v>
      </c>
      <c r="B35" s="45" t="s">
        <v>77</v>
      </c>
      <c r="C35" s="33">
        <v>7</v>
      </c>
      <c r="D35" s="33">
        <v>41</v>
      </c>
      <c r="E35" s="33">
        <v>2115480</v>
      </c>
      <c r="F35" s="33">
        <v>477</v>
      </c>
      <c r="G35" s="33">
        <v>700</v>
      </c>
      <c r="H35" s="33">
        <v>5064020</v>
      </c>
      <c r="I35" s="33">
        <v>132</v>
      </c>
      <c r="J35" s="33">
        <v>275</v>
      </c>
      <c r="K35" s="33">
        <v>1735100</v>
      </c>
      <c r="L35" s="34">
        <v>616</v>
      </c>
      <c r="M35" s="34">
        <v>1016</v>
      </c>
      <c r="N35" s="34">
        <v>8914600</v>
      </c>
      <c r="O35" s="33">
        <v>369</v>
      </c>
      <c r="P35" s="33">
        <v>444</v>
      </c>
      <c r="Q35" s="35">
        <v>4687940</v>
      </c>
      <c r="R35" s="31">
        <v>29</v>
      </c>
      <c r="S35" s="45" t="s">
        <v>77</v>
      </c>
      <c r="T35" s="33">
        <v>5</v>
      </c>
      <c r="U35" s="33">
        <v>91</v>
      </c>
      <c r="V35" s="33">
        <v>61064</v>
      </c>
      <c r="W35" s="33">
        <v>0</v>
      </c>
      <c r="X35" s="33">
        <v>0</v>
      </c>
      <c r="Y35" s="33">
        <v>0</v>
      </c>
      <c r="Z35" s="34">
        <v>985</v>
      </c>
      <c r="AA35" s="34">
        <v>13663604</v>
      </c>
      <c r="AB35" s="33">
        <v>0</v>
      </c>
      <c r="AC35" s="33">
        <v>0</v>
      </c>
      <c r="AD35" s="33">
        <v>0</v>
      </c>
      <c r="AE35" s="33">
        <v>0</v>
      </c>
      <c r="AF35" s="33">
        <v>0</v>
      </c>
      <c r="AG35" s="33">
        <v>25</v>
      </c>
      <c r="AH35" s="33">
        <v>114303</v>
      </c>
      <c r="AI35" s="33">
        <v>0</v>
      </c>
      <c r="AJ35" s="35">
        <v>0</v>
      </c>
      <c r="AK35" s="31">
        <v>29</v>
      </c>
      <c r="AL35" s="45" t="s">
        <v>77</v>
      </c>
      <c r="AM35" s="33">
        <v>0</v>
      </c>
      <c r="AN35" s="33">
        <v>0</v>
      </c>
      <c r="AO35" s="33">
        <v>0</v>
      </c>
      <c r="AP35" s="33">
        <v>0</v>
      </c>
      <c r="AQ35" s="43">
        <v>25</v>
      </c>
      <c r="AR35" s="33">
        <v>114303</v>
      </c>
      <c r="AS35" s="33">
        <v>0</v>
      </c>
      <c r="AT35" s="33">
        <v>0</v>
      </c>
      <c r="AU35" s="43">
        <v>0</v>
      </c>
      <c r="AV35" s="33">
        <v>0</v>
      </c>
      <c r="AW35" s="38">
        <v>1010</v>
      </c>
      <c r="AX35" s="39">
        <v>13777907</v>
      </c>
      <c r="AY35" s="40">
        <v>1</v>
      </c>
      <c r="AZ35" s="41" t="s">
        <v>49</v>
      </c>
      <c r="BA35" s="46">
        <v>9631391</v>
      </c>
      <c r="BB35" s="47">
        <v>3844317</v>
      </c>
      <c r="BC35" s="48">
        <v>302199</v>
      </c>
      <c r="BD35" s="31">
        <v>29</v>
      </c>
      <c r="BE35" s="49" t="s">
        <v>77</v>
      </c>
      <c r="BF35" s="47">
        <v>8</v>
      </c>
      <c r="BG35" s="47">
        <v>795896</v>
      </c>
      <c r="BH35" s="47">
        <v>1</v>
      </c>
      <c r="BI35" s="48">
        <v>40</v>
      </c>
    </row>
    <row r="36" spans="1:77" s="14" customFormat="1" ht="13.5" customHeight="1" x14ac:dyDescent="0.15">
      <c r="A36" s="31">
        <v>30</v>
      </c>
      <c r="B36" s="45" t="s">
        <v>78</v>
      </c>
      <c r="C36" s="33">
        <v>16</v>
      </c>
      <c r="D36" s="33">
        <v>374</v>
      </c>
      <c r="E36" s="33">
        <v>3537660</v>
      </c>
      <c r="F36" s="33">
        <v>373</v>
      </c>
      <c r="G36" s="33">
        <v>564</v>
      </c>
      <c r="H36" s="33">
        <v>4485480</v>
      </c>
      <c r="I36" s="33">
        <v>93</v>
      </c>
      <c r="J36" s="33">
        <v>170</v>
      </c>
      <c r="K36" s="33">
        <v>995260</v>
      </c>
      <c r="L36" s="34">
        <v>482</v>
      </c>
      <c r="M36" s="34">
        <v>1108</v>
      </c>
      <c r="N36" s="34">
        <v>9018400</v>
      </c>
      <c r="O36" s="33">
        <v>254</v>
      </c>
      <c r="P36" s="33">
        <v>290</v>
      </c>
      <c r="Q36" s="35">
        <v>4180850</v>
      </c>
      <c r="R36" s="31">
        <v>30</v>
      </c>
      <c r="S36" s="45" t="s">
        <v>78</v>
      </c>
      <c r="T36" s="33">
        <v>16</v>
      </c>
      <c r="U36" s="33">
        <v>1112</v>
      </c>
      <c r="V36" s="33">
        <v>795228</v>
      </c>
      <c r="W36" s="33">
        <v>0</v>
      </c>
      <c r="X36" s="33">
        <v>0</v>
      </c>
      <c r="Y36" s="33">
        <v>0</v>
      </c>
      <c r="Z36" s="34">
        <v>736</v>
      </c>
      <c r="AA36" s="34">
        <v>13994478</v>
      </c>
      <c r="AB36" s="33">
        <v>0</v>
      </c>
      <c r="AC36" s="33">
        <v>0</v>
      </c>
      <c r="AD36" s="33">
        <v>0</v>
      </c>
      <c r="AE36" s="33">
        <v>2</v>
      </c>
      <c r="AF36" s="33">
        <v>68696</v>
      </c>
      <c r="AG36" s="33">
        <v>7</v>
      </c>
      <c r="AH36" s="33">
        <v>129801</v>
      </c>
      <c r="AI36" s="33">
        <v>3</v>
      </c>
      <c r="AJ36" s="35">
        <v>27705</v>
      </c>
      <c r="AK36" s="31">
        <v>30</v>
      </c>
      <c r="AL36" s="45" t="s">
        <v>78</v>
      </c>
      <c r="AM36" s="33">
        <v>0</v>
      </c>
      <c r="AN36" s="33">
        <v>0</v>
      </c>
      <c r="AO36" s="33">
        <v>0</v>
      </c>
      <c r="AP36" s="33">
        <v>0</v>
      </c>
      <c r="AQ36" s="43">
        <v>12</v>
      </c>
      <c r="AR36" s="33">
        <v>226202</v>
      </c>
      <c r="AS36" s="33">
        <v>0</v>
      </c>
      <c r="AT36" s="33">
        <v>0</v>
      </c>
      <c r="AU36" s="43">
        <v>0</v>
      </c>
      <c r="AV36" s="33">
        <v>0</v>
      </c>
      <c r="AW36" s="38">
        <v>748</v>
      </c>
      <c r="AX36" s="39">
        <v>14220680</v>
      </c>
      <c r="AY36" s="40">
        <v>1</v>
      </c>
      <c r="AZ36" s="41" t="s">
        <v>49</v>
      </c>
      <c r="BA36" s="46">
        <v>9803522</v>
      </c>
      <c r="BB36" s="47">
        <v>4351170</v>
      </c>
      <c r="BC36" s="48">
        <v>65988</v>
      </c>
      <c r="BD36" s="31">
        <v>30</v>
      </c>
      <c r="BE36" s="49" t="s">
        <v>78</v>
      </c>
      <c r="BF36" s="47">
        <v>26</v>
      </c>
      <c r="BG36" s="47">
        <v>1193866</v>
      </c>
      <c r="BH36" s="47">
        <v>0</v>
      </c>
      <c r="BI36" s="48">
        <v>0</v>
      </c>
    </row>
    <row r="37" spans="1:77" s="14" customFormat="1" ht="13.5" customHeight="1" x14ac:dyDescent="0.15">
      <c r="A37" s="31">
        <v>31</v>
      </c>
      <c r="B37" s="45" t="s">
        <v>79</v>
      </c>
      <c r="C37" s="33">
        <v>21</v>
      </c>
      <c r="D37" s="33">
        <v>346</v>
      </c>
      <c r="E37" s="33">
        <v>17956420</v>
      </c>
      <c r="F37" s="33">
        <v>931</v>
      </c>
      <c r="G37" s="33">
        <v>1399</v>
      </c>
      <c r="H37" s="33">
        <v>10435710</v>
      </c>
      <c r="I37" s="33">
        <v>181</v>
      </c>
      <c r="J37" s="33">
        <v>373</v>
      </c>
      <c r="K37" s="33">
        <v>2690200</v>
      </c>
      <c r="L37" s="34">
        <v>1133</v>
      </c>
      <c r="M37" s="34">
        <v>2118</v>
      </c>
      <c r="N37" s="34">
        <v>31082330</v>
      </c>
      <c r="O37" s="33">
        <v>706</v>
      </c>
      <c r="P37" s="33">
        <v>860</v>
      </c>
      <c r="Q37" s="35">
        <v>8279010</v>
      </c>
      <c r="R37" s="31">
        <v>31</v>
      </c>
      <c r="S37" s="45" t="s">
        <v>79</v>
      </c>
      <c r="T37" s="33">
        <v>19</v>
      </c>
      <c r="U37" s="33">
        <v>837</v>
      </c>
      <c r="V37" s="33">
        <v>594808</v>
      </c>
      <c r="W37" s="33">
        <v>0</v>
      </c>
      <c r="X37" s="33">
        <v>0</v>
      </c>
      <c r="Y37" s="33">
        <v>0</v>
      </c>
      <c r="Z37" s="34">
        <v>1839</v>
      </c>
      <c r="AA37" s="34">
        <v>39956148</v>
      </c>
      <c r="AB37" s="33">
        <v>0</v>
      </c>
      <c r="AC37" s="33">
        <v>0</v>
      </c>
      <c r="AD37" s="33">
        <v>0</v>
      </c>
      <c r="AE37" s="33">
        <v>0</v>
      </c>
      <c r="AF37" s="33">
        <v>0</v>
      </c>
      <c r="AG37" s="33">
        <v>35</v>
      </c>
      <c r="AH37" s="33">
        <v>485784</v>
      </c>
      <c r="AI37" s="33">
        <v>5</v>
      </c>
      <c r="AJ37" s="35">
        <v>65235</v>
      </c>
      <c r="AK37" s="31">
        <v>31</v>
      </c>
      <c r="AL37" s="45" t="s">
        <v>79</v>
      </c>
      <c r="AM37" s="33">
        <v>0</v>
      </c>
      <c r="AN37" s="33">
        <v>0</v>
      </c>
      <c r="AO37" s="33">
        <v>0</v>
      </c>
      <c r="AP37" s="33">
        <v>0</v>
      </c>
      <c r="AQ37" s="43">
        <v>40</v>
      </c>
      <c r="AR37" s="33">
        <v>551019</v>
      </c>
      <c r="AS37" s="33">
        <v>0</v>
      </c>
      <c r="AT37" s="33">
        <v>0</v>
      </c>
      <c r="AU37" s="43">
        <v>0</v>
      </c>
      <c r="AV37" s="33">
        <v>0</v>
      </c>
      <c r="AW37" s="38">
        <v>1879</v>
      </c>
      <c r="AX37" s="39">
        <v>40507167</v>
      </c>
      <c r="AY37" s="40">
        <v>1</v>
      </c>
      <c r="AZ37" s="41" t="s">
        <v>49</v>
      </c>
      <c r="BA37" s="46">
        <v>28336735</v>
      </c>
      <c r="BB37" s="47">
        <v>11928477</v>
      </c>
      <c r="BC37" s="48">
        <v>241955</v>
      </c>
      <c r="BD37" s="31">
        <v>31</v>
      </c>
      <c r="BE37" s="49" t="s">
        <v>79</v>
      </c>
      <c r="BF37" s="47">
        <v>31</v>
      </c>
      <c r="BG37" s="47">
        <v>5236068</v>
      </c>
      <c r="BH37" s="47">
        <v>0</v>
      </c>
      <c r="BI37" s="48">
        <v>0</v>
      </c>
    </row>
    <row r="38" spans="1:77" s="14" customFormat="1" ht="13.5" customHeight="1" x14ac:dyDescent="0.15">
      <c r="A38" s="31">
        <v>32</v>
      </c>
      <c r="B38" s="45" t="s">
        <v>80</v>
      </c>
      <c r="C38" s="33">
        <v>100</v>
      </c>
      <c r="D38" s="33">
        <v>1548</v>
      </c>
      <c r="E38" s="33">
        <v>63913880</v>
      </c>
      <c r="F38" s="33">
        <v>3698</v>
      </c>
      <c r="G38" s="33">
        <v>5241</v>
      </c>
      <c r="H38" s="33">
        <v>51583150</v>
      </c>
      <c r="I38" s="33">
        <v>695</v>
      </c>
      <c r="J38" s="33">
        <v>1351</v>
      </c>
      <c r="K38" s="33">
        <v>9187700</v>
      </c>
      <c r="L38" s="34">
        <v>4493</v>
      </c>
      <c r="M38" s="34">
        <v>8140</v>
      </c>
      <c r="N38" s="34">
        <v>124684730</v>
      </c>
      <c r="O38" s="33">
        <v>2688</v>
      </c>
      <c r="P38" s="33">
        <v>3100</v>
      </c>
      <c r="Q38" s="35">
        <v>36026910</v>
      </c>
      <c r="R38" s="31">
        <v>32</v>
      </c>
      <c r="S38" s="45" t="s">
        <v>80</v>
      </c>
      <c r="T38" s="33">
        <v>88</v>
      </c>
      <c r="U38" s="33">
        <v>3958</v>
      </c>
      <c r="V38" s="33">
        <v>2520910</v>
      </c>
      <c r="W38" s="33">
        <v>17</v>
      </c>
      <c r="X38" s="33">
        <v>29</v>
      </c>
      <c r="Y38" s="33">
        <v>335010</v>
      </c>
      <c r="Z38" s="34">
        <v>7198</v>
      </c>
      <c r="AA38" s="34">
        <v>163567560</v>
      </c>
      <c r="AB38" s="33">
        <v>0</v>
      </c>
      <c r="AC38" s="33">
        <v>2</v>
      </c>
      <c r="AD38" s="33">
        <v>7970</v>
      </c>
      <c r="AE38" s="33">
        <v>4</v>
      </c>
      <c r="AF38" s="33">
        <v>126804</v>
      </c>
      <c r="AG38" s="33">
        <v>158</v>
      </c>
      <c r="AH38" s="33">
        <v>1608651</v>
      </c>
      <c r="AI38" s="33">
        <v>16</v>
      </c>
      <c r="AJ38" s="35">
        <v>1017180</v>
      </c>
      <c r="AK38" s="31">
        <v>32</v>
      </c>
      <c r="AL38" s="45" t="s">
        <v>80</v>
      </c>
      <c r="AM38" s="33">
        <v>13</v>
      </c>
      <c r="AN38" s="33">
        <v>952130</v>
      </c>
      <c r="AO38" s="33">
        <v>0</v>
      </c>
      <c r="AP38" s="33">
        <v>0</v>
      </c>
      <c r="AQ38" s="43">
        <v>193</v>
      </c>
      <c r="AR38" s="33">
        <v>3712735</v>
      </c>
      <c r="AS38" s="33">
        <v>0</v>
      </c>
      <c r="AT38" s="33">
        <v>0</v>
      </c>
      <c r="AU38" s="43">
        <v>0</v>
      </c>
      <c r="AV38" s="33">
        <v>0</v>
      </c>
      <c r="AW38" s="38">
        <v>7391</v>
      </c>
      <c r="AX38" s="39">
        <v>167280295</v>
      </c>
      <c r="AY38" s="40">
        <v>1</v>
      </c>
      <c r="AZ38" s="41" t="s">
        <v>49</v>
      </c>
      <c r="BA38" s="46">
        <v>116558086</v>
      </c>
      <c r="BB38" s="47">
        <v>44583809</v>
      </c>
      <c r="BC38" s="48">
        <v>6138400</v>
      </c>
      <c r="BD38" s="31">
        <v>32</v>
      </c>
      <c r="BE38" s="49" t="s">
        <v>80</v>
      </c>
      <c r="BF38" s="47">
        <v>177</v>
      </c>
      <c r="BG38" s="47">
        <v>19290908</v>
      </c>
      <c r="BH38" s="47">
        <v>2</v>
      </c>
      <c r="BI38" s="48">
        <v>73554</v>
      </c>
    </row>
    <row r="39" spans="1:77" s="14" customFormat="1" ht="13.5" customHeight="1" thickBot="1" x14ac:dyDescent="0.2">
      <c r="A39" s="31">
        <v>33</v>
      </c>
      <c r="B39" s="45" t="s">
        <v>81</v>
      </c>
      <c r="C39" s="33">
        <v>0</v>
      </c>
      <c r="D39" s="33">
        <v>0</v>
      </c>
      <c r="E39" s="33">
        <v>0</v>
      </c>
      <c r="F39" s="33">
        <v>105</v>
      </c>
      <c r="G39" s="33">
        <v>148</v>
      </c>
      <c r="H39" s="33">
        <v>1348270</v>
      </c>
      <c r="I39" s="33">
        <v>33</v>
      </c>
      <c r="J39" s="33">
        <v>66</v>
      </c>
      <c r="K39" s="33">
        <v>461140</v>
      </c>
      <c r="L39" s="34">
        <v>138</v>
      </c>
      <c r="M39" s="34">
        <v>214</v>
      </c>
      <c r="N39" s="34">
        <v>1809410</v>
      </c>
      <c r="O39" s="33">
        <v>57</v>
      </c>
      <c r="P39" s="33">
        <v>68</v>
      </c>
      <c r="Q39" s="35">
        <v>808690</v>
      </c>
      <c r="R39" s="31">
        <v>33</v>
      </c>
      <c r="S39" s="45" t="s">
        <v>81</v>
      </c>
      <c r="T39" s="33">
        <v>0</v>
      </c>
      <c r="U39" s="33">
        <v>0</v>
      </c>
      <c r="V39" s="33">
        <v>0</v>
      </c>
      <c r="W39" s="33">
        <v>0</v>
      </c>
      <c r="X39" s="33">
        <v>0</v>
      </c>
      <c r="Y39" s="33">
        <v>0</v>
      </c>
      <c r="Z39" s="34">
        <v>195</v>
      </c>
      <c r="AA39" s="34">
        <v>2618100</v>
      </c>
      <c r="AB39" s="33">
        <v>0</v>
      </c>
      <c r="AC39" s="33">
        <v>0</v>
      </c>
      <c r="AD39" s="33">
        <v>0</v>
      </c>
      <c r="AE39" s="33">
        <v>0</v>
      </c>
      <c r="AF39" s="33">
        <v>0</v>
      </c>
      <c r="AG39" s="33">
        <v>0</v>
      </c>
      <c r="AH39" s="33">
        <v>0</v>
      </c>
      <c r="AI39" s="33">
        <v>0</v>
      </c>
      <c r="AJ39" s="35">
        <v>0</v>
      </c>
      <c r="AK39" s="31">
        <v>33</v>
      </c>
      <c r="AL39" s="51" t="s">
        <v>81</v>
      </c>
      <c r="AM39" s="33">
        <v>0</v>
      </c>
      <c r="AN39" s="33">
        <v>0</v>
      </c>
      <c r="AO39" s="33">
        <v>0</v>
      </c>
      <c r="AP39" s="33">
        <v>0</v>
      </c>
      <c r="AQ39" s="43">
        <v>0</v>
      </c>
      <c r="AR39" s="33">
        <v>0</v>
      </c>
      <c r="AS39" s="33">
        <v>0</v>
      </c>
      <c r="AT39" s="33">
        <v>0</v>
      </c>
      <c r="AU39" s="43">
        <v>0</v>
      </c>
      <c r="AV39" s="33">
        <v>0</v>
      </c>
      <c r="AW39" s="38">
        <v>195</v>
      </c>
      <c r="AX39" s="39">
        <v>2618100</v>
      </c>
      <c r="AY39" s="40">
        <v>1</v>
      </c>
      <c r="AZ39" s="41" t="s">
        <v>49</v>
      </c>
      <c r="BA39" s="46">
        <v>1832670</v>
      </c>
      <c r="BB39" s="47">
        <v>658838</v>
      </c>
      <c r="BC39" s="48">
        <v>126592</v>
      </c>
      <c r="BD39" s="31">
        <v>33</v>
      </c>
      <c r="BE39" s="49" t="s">
        <v>81</v>
      </c>
      <c r="BF39" s="47">
        <v>0</v>
      </c>
      <c r="BG39" s="47">
        <v>0</v>
      </c>
      <c r="BH39" s="47">
        <v>0</v>
      </c>
      <c r="BI39" s="48">
        <v>0</v>
      </c>
    </row>
    <row r="40" spans="1:77" s="14" customFormat="1" ht="13.5" customHeight="1" thickTop="1" thickBot="1" x14ac:dyDescent="0.2">
      <c r="A40" s="202" t="s">
        <v>82</v>
      </c>
      <c r="B40" s="203"/>
      <c r="C40" s="98">
        <v>7748</v>
      </c>
      <c r="D40" s="98">
        <v>107748</v>
      </c>
      <c r="E40" s="98">
        <v>4665457110</v>
      </c>
      <c r="F40" s="98">
        <v>342201</v>
      </c>
      <c r="G40" s="98">
        <v>539370</v>
      </c>
      <c r="H40" s="98">
        <v>5486643487</v>
      </c>
      <c r="I40" s="98">
        <v>84989</v>
      </c>
      <c r="J40" s="98">
        <v>162172</v>
      </c>
      <c r="K40" s="98">
        <v>1094515225</v>
      </c>
      <c r="L40" s="98">
        <v>434938</v>
      </c>
      <c r="M40" s="98">
        <v>809290</v>
      </c>
      <c r="N40" s="98">
        <v>11246615822</v>
      </c>
      <c r="O40" s="98">
        <v>244413</v>
      </c>
      <c r="P40" s="98">
        <v>292722</v>
      </c>
      <c r="Q40" s="99">
        <v>3069115898</v>
      </c>
      <c r="R40" s="202" t="s">
        <v>82</v>
      </c>
      <c r="S40" s="203"/>
      <c r="T40" s="98">
        <v>7256</v>
      </c>
      <c r="U40" s="98">
        <v>267512</v>
      </c>
      <c r="V40" s="98">
        <v>180127186</v>
      </c>
      <c r="W40" s="98">
        <v>1087</v>
      </c>
      <c r="X40" s="98">
        <v>7277</v>
      </c>
      <c r="Y40" s="98">
        <v>80308080</v>
      </c>
      <c r="Z40" s="98">
        <v>680438</v>
      </c>
      <c r="AA40" s="98">
        <v>14576166986</v>
      </c>
      <c r="AB40" s="98">
        <v>66</v>
      </c>
      <c r="AC40" s="98">
        <v>252</v>
      </c>
      <c r="AD40" s="98">
        <v>6067646</v>
      </c>
      <c r="AE40" s="98">
        <v>316</v>
      </c>
      <c r="AF40" s="98">
        <v>11628124</v>
      </c>
      <c r="AG40" s="98">
        <v>14972</v>
      </c>
      <c r="AH40" s="98">
        <v>116140131</v>
      </c>
      <c r="AI40" s="98">
        <v>1496</v>
      </c>
      <c r="AJ40" s="99">
        <v>47688102</v>
      </c>
      <c r="AK40" s="204" t="s">
        <v>82</v>
      </c>
      <c r="AL40" s="205"/>
      <c r="AM40" s="98">
        <v>924</v>
      </c>
      <c r="AN40" s="98">
        <v>12294135</v>
      </c>
      <c r="AO40" s="98">
        <v>9</v>
      </c>
      <c r="AP40" s="98">
        <v>622410</v>
      </c>
      <c r="AQ40" s="100">
        <v>17969</v>
      </c>
      <c r="AR40" s="98">
        <v>194440548</v>
      </c>
      <c r="AS40" s="98">
        <v>62</v>
      </c>
      <c r="AT40" s="98">
        <v>1836262</v>
      </c>
      <c r="AU40" s="100">
        <v>1</v>
      </c>
      <c r="AV40" s="98">
        <v>39708</v>
      </c>
      <c r="AW40" s="98">
        <v>698474</v>
      </c>
      <c r="AX40" s="100">
        <v>14770647242</v>
      </c>
      <c r="AY40" s="101">
        <v>1</v>
      </c>
      <c r="AZ40" s="102" t="s">
        <v>49</v>
      </c>
      <c r="BA40" s="103">
        <v>10314075121</v>
      </c>
      <c r="BB40" s="100">
        <v>4030175143</v>
      </c>
      <c r="BC40" s="99">
        <v>426396978</v>
      </c>
      <c r="BD40" s="202" t="s">
        <v>82</v>
      </c>
      <c r="BE40" s="212"/>
      <c r="BF40" s="100">
        <v>18185</v>
      </c>
      <c r="BG40" s="100">
        <v>1737523536</v>
      </c>
      <c r="BH40" s="100">
        <v>35</v>
      </c>
      <c r="BI40" s="99">
        <v>1647533</v>
      </c>
    </row>
    <row r="41" spans="1:77" s="9" customFormat="1" ht="13.5" customHeight="1" thickTop="1" x14ac:dyDescent="0.15">
      <c r="A41" s="31">
        <v>301</v>
      </c>
      <c r="B41" s="68" t="s">
        <v>83</v>
      </c>
      <c r="C41" s="69" t="s">
        <v>84</v>
      </c>
      <c r="D41" s="69" t="s">
        <v>84</v>
      </c>
      <c r="E41" s="69" t="s">
        <v>84</v>
      </c>
      <c r="F41" s="69" t="s">
        <v>85</v>
      </c>
      <c r="G41" s="69" t="s">
        <v>84</v>
      </c>
      <c r="H41" s="69" t="s">
        <v>85</v>
      </c>
      <c r="I41" s="69" t="s">
        <v>84</v>
      </c>
      <c r="J41" s="69" t="s">
        <v>84</v>
      </c>
      <c r="K41" s="69" t="s">
        <v>84</v>
      </c>
      <c r="L41" s="69" t="s">
        <v>85</v>
      </c>
      <c r="M41" s="69" t="s">
        <v>84</v>
      </c>
      <c r="N41" s="69" t="s">
        <v>85</v>
      </c>
      <c r="O41" s="69" t="s">
        <v>84</v>
      </c>
      <c r="P41" s="69" t="s">
        <v>85</v>
      </c>
      <c r="Q41" s="70" t="s">
        <v>84</v>
      </c>
      <c r="R41" s="31">
        <v>301</v>
      </c>
      <c r="S41" s="68" t="s">
        <v>83</v>
      </c>
      <c r="T41" s="69" t="s">
        <v>84</v>
      </c>
      <c r="U41" s="69" t="s">
        <v>85</v>
      </c>
      <c r="V41" s="69" t="s">
        <v>84</v>
      </c>
      <c r="W41" s="69" t="s">
        <v>85</v>
      </c>
      <c r="X41" s="69" t="s">
        <v>84</v>
      </c>
      <c r="Y41" s="69" t="s">
        <v>84</v>
      </c>
      <c r="Z41" s="69" t="s">
        <v>84</v>
      </c>
      <c r="AA41" s="69" t="s">
        <v>84</v>
      </c>
      <c r="AB41" s="69" t="s">
        <v>84</v>
      </c>
      <c r="AC41" s="69" t="s">
        <v>85</v>
      </c>
      <c r="AD41" s="69" t="s">
        <v>85</v>
      </c>
      <c r="AE41" s="69" t="s">
        <v>86</v>
      </c>
      <c r="AF41" s="69" t="s">
        <v>86</v>
      </c>
      <c r="AG41" s="69" t="s">
        <v>86</v>
      </c>
      <c r="AH41" s="69" t="s">
        <v>86</v>
      </c>
      <c r="AI41" s="69" t="s">
        <v>86</v>
      </c>
      <c r="AJ41" s="70" t="s">
        <v>86</v>
      </c>
      <c r="AK41" s="31">
        <v>301</v>
      </c>
      <c r="AL41" s="68" t="s">
        <v>87</v>
      </c>
      <c r="AM41" s="69" t="s">
        <v>86</v>
      </c>
      <c r="AN41" s="69" t="s">
        <v>86</v>
      </c>
      <c r="AO41" s="69" t="s">
        <v>86</v>
      </c>
      <c r="AP41" s="69" t="s">
        <v>86</v>
      </c>
      <c r="AQ41" s="71" t="s">
        <v>86</v>
      </c>
      <c r="AR41" s="69" t="s">
        <v>86</v>
      </c>
      <c r="AS41" s="69" t="s">
        <v>86</v>
      </c>
      <c r="AT41" s="69" t="s">
        <v>86</v>
      </c>
      <c r="AU41" s="71" t="s">
        <v>86</v>
      </c>
      <c r="AV41" s="69" t="s">
        <v>86</v>
      </c>
      <c r="AW41" s="69" t="s">
        <v>84</v>
      </c>
      <c r="AX41" s="71" t="s">
        <v>84</v>
      </c>
      <c r="AY41" s="72" t="s">
        <v>84</v>
      </c>
      <c r="AZ41" s="69" t="s">
        <v>84</v>
      </c>
      <c r="BA41" s="73" t="s">
        <v>84</v>
      </c>
      <c r="BB41" s="71" t="s">
        <v>84</v>
      </c>
      <c r="BC41" s="70" t="s">
        <v>84</v>
      </c>
      <c r="BD41" s="31">
        <v>301</v>
      </c>
      <c r="BE41" s="74" t="s">
        <v>83</v>
      </c>
      <c r="BF41" s="71" t="s">
        <v>85</v>
      </c>
      <c r="BG41" s="71" t="s">
        <v>84</v>
      </c>
      <c r="BH41" s="71" t="s">
        <v>85</v>
      </c>
      <c r="BI41" s="70" t="s">
        <v>85</v>
      </c>
    </row>
    <row r="42" spans="1:77" s="9" customFormat="1" ht="13.5" customHeight="1" x14ac:dyDescent="0.15">
      <c r="A42" s="31">
        <v>302</v>
      </c>
      <c r="B42" s="75" t="s">
        <v>88</v>
      </c>
      <c r="C42" s="76" t="s">
        <v>84</v>
      </c>
      <c r="D42" s="76" t="s">
        <v>85</v>
      </c>
      <c r="E42" s="76" t="s">
        <v>85</v>
      </c>
      <c r="F42" s="76" t="s">
        <v>85</v>
      </c>
      <c r="G42" s="76" t="s">
        <v>85</v>
      </c>
      <c r="H42" s="76" t="s">
        <v>85</v>
      </c>
      <c r="I42" s="76" t="s">
        <v>84</v>
      </c>
      <c r="J42" s="76" t="s">
        <v>85</v>
      </c>
      <c r="K42" s="76" t="s">
        <v>84</v>
      </c>
      <c r="L42" s="76" t="s">
        <v>84</v>
      </c>
      <c r="M42" s="76" t="s">
        <v>84</v>
      </c>
      <c r="N42" s="76" t="s">
        <v>84</v>
      </c>
      <c r="O42" s="76" t="s">
        <v>84</v>
      </c>
      <c r="P42" s="76" t="s">
        <v>84</v>
      </c>
      <c r="Q42" s="77" t="s">
        <v>85</v>
      </c>
      <c r="R42" s="31">
        <v>302</v>
      </c>
      <c r="S42" s="75" t="s">
        <v>88</v>
      </c>
      <c r="T42" s="76" t="s">
        <v>85</v>
      </c>
      <c r="U42" s="76" t="s">
        <v>85</v>
      </c>
      <c r="V42" s="76" t="s">
        <v>84</v>
      </c>
      <c r="W42" s="76" t="s">
        <v>84</v>
      </c>
      <c r="X42" s="76" t="s">
        <v>85</v>
      </c>
      <c r="Y42" s="76" t="s">
        <v>84</v>
      </c>
      <c r="Z42" s="76" t="s">
        <v>84</v>
      </c>
      <c r="AA42" s="76" t="s">
        <v>85</v>
      </c>
      <c r="AB42" s="76" t="s">
        <v>85</v>
      </c>
      <c r="AC42" s="76" t="s">
        <v>85</v>
      </c>
      <c r="AD42" s="76" t="s">
        <v>84</v>
      </c>
      <c r="AE42" s="76" t="s">
        <v>86</v>
      </c>
      <c r="AF42" s="76" t="s">
        <v>86</v>
      </c>
      <c r="AG42" s="76" t="s">
        <v>86</v>
      </c>
      <c r="AH42" s="76" t="s">
        <v>86</v>
      </c>
      <c r="AI42" s="76" t="s">
        <v>86</v>
      </c>
      <c r="AJ42" s="77" t="s">
        <v>86</v>
      </c>
      <c r="AK42" s="31">
        <v>302</v>
      </c>
      <c r="AL42" s="75" t="s">
        <v>88</v>
      </c>
      <c r="AM42" s="76" t="s">
        <v>86</v>
      </c>
      <c r="AN42" s="76" t="s">
        <v>86</v>
      </c>
      <c r="AO42" s="76" t="s">
        <v>86</v>
      </c>
      <c r="AP42" s="76" t="s">
        <v>86</v>
      </c>
      <c r="AQ42" s="78" t="s">
        <v>86</v>
      </c>
      <c r="AR42" s="76" t="s">
        <v>86</v>
      </c>
      <c r="AS42" s="76" t="s">
        <v>86</v>
      </c>
      <c r="AT42" s="76" t="s">
        <v>86</v>
      </c>
      <c r="AU42" s="78" t="s">
        <v>86</v>
      </c>
      <c r="AV42" s="76" t="s">
        <v>86</v>
      </c>
      <c r="AW42" s="76" t="s">
        <v>84</v>
      </c>
      <c r="AX42" s="78" t="s">
        <v>84</v>
      </c>
      <c r="AY42" s="79" t="s">
        <v>84</v>
      </c>
      <c r="AZ42" s="76" t="s">
        <v>84</v>
      </c>
      <c r="BA42" s="80" t="s">
        <v>84</v>
      </c>
      <c r="BB42" s="78" t="s">
        <v>85</v>
      </c>
      <c r="BC42" s="77" t="s">
        <v>84</v>
      </c>
      <c r="BD42" s="31">
        <v>302</v>
      </c>
      <c r="BE42" s="81" t="s">
        <v>89</v>
      </c>
      <c r="BF42" s="78" t="s">
        <v>84</v>
      </c>
      <c r="BG42" s="78" t="s">
        <v>84</v>
      </c>
      <c r="BH42" s="78" t="s">
        <v>84</v>
      </c>
      <c r="BI42" s="77" t="s">
        <v>85</v>
      </c>
    </row>
    <row r="43" spans="1:77" s="9" customFormat="1" ht="13.5" customHeight="1" x14ac:dyDescent="0.15">
      <c r="A43" s="31">
        <v>303</v>
      </c>
      <c r="B43" s="75" t="s">
        <v>91</v>
      </c>
      <c r="C43" s="76" t="s">
        <v>84</v>
      </c>
      <c r="D43" s="76" t="s">
        <v>85</v>
      </c>
      <c r="E43" s="76" t="s">
        <v>84</v>
      </c>
      <c r="F43" s="76" t="s">
        <v>85</v>
      </c>
      <c r="G43" s="76" t="s">
        <v>84</v>
      </c>
      <c r="H43" s="76" t="s">
        <v>85</v>
      </c>
      <c r="I43" s="76" t="s">
        <v>84</v>
      </c>
      <c r="J43" s="76" t="s">
        <v>84</v>
      </c>
      <c r="K43" s="76" t="s">
        <v>84</v>
      </c>
      <c r="L43" s="76" t="s">
        <v>85</v>
      </c>
      <c r="M43" s="76" t="s">
        <v>84</v>
      </c>
      <c r="N43" s="76" t="s">
        <v>85</v>
      </c>
      <c r="O43" s="76" t="s">
        <v>84</v>
      </c>
      <c r="P43" s="76" t="s">
        <v>85</v>
      </c>
      <c r="Q43" s="77" t="s">
        <v>84</v>
      </c>
      <c r="R43" s="31">
        <v>303</v>
      </c>
      <c r="S43" s="75" t="s">
        <v>90</v>
      </c>
      <c r="T43" s="76" t="s">
        <v>84</v>
      </c>
      <c r="U43" s="76" t="s">
        <v>85</v>
      </c>
      <c r="V43" s="76" t="s">
        <v>84</v>
      </c>
      <c r="W43" s="76" t="s">
        <v>85</v>
      </c>
      <c r="X43" s="76" t="s">
        <v>85</v>
      </c>
      <c r="Y43" s="76" t="s">
        <v>85</v>
      </c>
      <c r="Z43" s="76" t="s">
        <v>84</v>
      </c>
      <c r="AA43" s="76" t="s">
        <v>85</v>
      </c>
      <c r="AB43" s="76" t="s">
        <v>85</v>
      </c>
      <c r="AC43" s="76" t="s">
        <v>85</v>
      </c>
      <c r="AD43" s="76" t="s">
        <v>84</v>
      </c>
      <c r="AE43" s="76" t="s">
        <v>86</v>
      </c>
      <c r="AF43" s="76" t="s">
        <v>86</v>
      </c>
      <c r="AG43" s="76" t="s">
        <v>86</v>
      </c>
      <c r="AH43" s="76" t="s">
        <v>86</v>
      </c>
      <c r="AI43" s="76" t="s">
        <v>86</v>
      </c>
      <c r="AJ43" s="77" t="s">
        <v>86</v>
      </c>
      <c r="AK43" s="31">
        <v>303</v>
      </c>
      <c r="AL43" s="75" t="s">
        <v>90</v>
      </c>
      <c r="AM43" s="76" t="s">
        <v>86</v>
      </c>
      <c r="AN43" s="76" t="s">
        <v>86</v>
      </c>
      <c r="AO43" s="76" t="s">
        <v>86</v>
      </c>
      <c r="AP43" s="76" t="s">
        <v>86</v>
      </c>
      <c r="AQ43" s="78" t="s">
        <v>86</v>
      </c>
      <c r="AR43" s="76" t="s">
        <v>86</v>
      </c>
      <c r="AS43" s="76" t="s">
        <v>86</v>
      </c>
      <c r="AT43" s="76" t="s">
        <v>86</v>
      </c>
      <c r="AU43" s="78" t="s">
        <v>86</v>
      </c>
      <c r="AV43" s="76" t="s">
        <v>86</v>
      </c>
      <c r="AW43" s="76" t="s">
        <v>84</v>
      </c>
      <c r="AX43" s="78" t="s">
        <v>84</v>
      </c>
      <c r="AY43" s="79" t="s">
        <v>85</v>
      </c>
      <c r="AZ43" s="76" t="s">
        <v>84</v>
      </c>
      <c r="BA43" s="80" t="s">
        <v>84</v>
      </c>
      <c r="BB43" s="78" t="s">
        <v>84</v>
      </c>
      <c r="BC43" s="77" t="s">
        <v>84</v>
      </c>
      <c r="BD43" s="31">
        <v>303</v>
      </c>
      <c r="BE43" s="81" t="s">
        <v>90</v>
      </c>
      <c r="BF43" s="78" t="s">
        <v>84</v>
      </c>
      <c r="BG43" s="78" t="s">
        <v>84</v>
      </c>
      <c r="BH43" s="78" t="s">
        <v>85</v>
      </c>
      <c r="BI43" s="77" t="s">
        <v>84</v>
      </c>
    </row>
    <row r="44" spans="1:77" s="9" customFormat="1" ht="13.5" customHeight="1" x14ac:dyDescent="0.15">
      <c r="A44" s="31">
        <v>304</v>
      </c>
      <c r="B44" s="75" t="s">
        <v>92</v>
      </c>
      <c r="C44" s="76" t="s">
        <v>84</v>
      </c>
      <c r="D44" s="76" t="s">
        <v>84</v>
      </c>
      <c r="E44" s="76" t="s">
        <v>84</v>
      </c>
      <c r="F44" s="76" t="s">
        <v>85</v>
      </c>
      <c r="G44" s="76" t="s">
        <v>84</v>
      </c>
      <c r="H44" s="76" t="s">
        <v>84</v>
      </c>
      <c r="I44" s="76" t="s">
        <v>85</v>
      </c>
      <c r="J44" s="76" t="s">
        <v>84</v>
      </c>
      <c r="K44" s="76" t="s">
        <v>85</v>
      </c>
      <c r="L44" s="76" t="s">
        <v>84</v>
      </c>
      <c r="M44" s="76" t="s">
        <v>84</v>
      </c>
      <c r="N44" s="76" t="s">
        <v>84</v>
      </c>
      <c r="O44" s="76" t="s">
        <v>85</v>
      </c>
      <c r="P44" s="76" t="s">
        <v>84</v>
      </c>
      <c r="Q44" s="77" t="s">
        <v>85</v>
      </c>
      <c r="R44" s="31">
        <v>304</v>
      </c>
      <c r="S44" s="75" t="s">
        <v>92</v>
      </c>
      <c r="T44" s="76" t="s">
        <v>84</v>
      </c>
      <c r="U44" s="76" t="s">
        <v>84</v>
      </c>
      <c r="V44" s="76" t="s">
        <v>85</v>
      </c>
      <c r="W44" s="76" t="s">
        <v>84</v>
      </c>
      <c r="X44" s="76" t="s">
        <v>84</v>
      </c>
      <c r="Y44" s="76" t="s">
        <v>84</v>
      </c>
      <c r="Z44" s="76" t="s">
        <v>84</v>
      </c>
      <c r="AA44" s="76" t="s">
        <v>84</v>
      </c>
      <c r="AB44" s="76" t="s">
        <v>84</v>
      </c>
      <c r="AC44" s="76" t="s">
        <v>85</v>
      </c>
      <c r="AD44" s="76" t="s">
        <v>84</v>
      </c>
      <c r="AE44" s="76" t="s">
        <v>86</v>
      </c>
      <c r="AF44" s="76" t="s">
        <v>86</v>
      </c>
      <c r="AG44" s="76" t="s">
        <v>86</v>
      </c>
      <c r="AH44" s="76" t="s">
        <v>86</v>
      </c>
      <c r="AI44" s="76" t="s">
        <v>86</v>
      </c>
      <c r="AJ44" s="77" t="s">
        <v>86</v>
      </c>
      <c r="AK44" s="31">
        <v>304</v>
      </c>
      <c r="AL44" s="75" t="s">
        <v>92</v>
      </c>
      <c r="AM44" s="76" t="s">
        <v>86</v>
      </c>
      <c r="AN44" s="76" t="s">
        <v>86</v>
      </c>
      <c r="AO44" s="76" t="s">
        <v>86</v>
      </c>
      <c r="AP44" s="76" t="s">
        <v>86</v>
      </c>
      <c r="AQ44" s="78" t="s">
        <v>86</v>
      </c>
      <c r="AR44" s="76" t="s">
        <v>86</v>
      </c>
      <c r="AS44" s="76" t="s">
        <v>86</v>
      </c>
      <c r="AT44" s="76" t="s">
        <v>86</v>
      </c>
      <c r="AU44" s="78" t="s">
        <v>86</v>
      </c>
      <c r="AV44" s="76" t="s">
        <v>86</v>
      </c>
      <c r="AW44" s="76" t="s">
        <v>85</v>
      </c>
      <c r="AX44" s="78" t="s">
        <v>84</v>
      </c>
      <c r="AY44" s="79" t="s">
        <v>84</v>
      </c>
      <c r="AZ44" s="76" t="s">
        <v>85</v>
      </c>
      <c r="BA44" s="80" t="s">
        <v>85</v>
      </c>
      <c r="BB44" s="78" t="s">
        <v>84</v>
      </c>
      <c r="BC44" s="77" t="s">
        <v>85</v>
      </c>
      <c r="BD44" s="31">
        <v>304</v>
      </c>
      <c r="BE44" s="81" t="s">
        <v>92</v>
      </c>
      <c r="BF44" s="78" t="s">
        <v>85</v>
      </c>
      <c r="BG44" s="78" t="s">
        <v>84</v>
      </c>
      <c r="BH44" s="78" t="s">
        <v>84</v>
      </c>
      <c r="BI44" s="77" t="s">
        <v>84</v>
      </c>
    </row>
    <row r="45" spans="1:77" s="9" customFormat="1" ht="13.5" customHeight="1" x14ac:dyDescent="0.15">
      <c r="A45" s="31">
        <v>305</v>
      </c>
      <c r="B45" s="75" t="s">
        <v>93</v>
      </c>
      <c r="C45" s="76" t="s">
        <v>85</v>
      </c>
      <c r="D45" s="76" t="s">
        <v>85</v>
      </c>
      <c r="E45" s="76" t="s">
        <v>84</v>
      </c>
      <c r="F45" s="76" t="s">
        <v>84</v>
      </c>
      <c r="G45" s="76" t="s">
        <v>84</v>
      </c>
      <c r="H45" s="76" t="s">
        <v>85</v>
      </c>
      <c r="I45" s="76" t="s">
        <v>84</v>
      </c>
      <c r="J45" s="76" t="s">
        <v>84</v>
      </c>
      <c r="K45" s="76" t="s">
        <v>84</v>
      </c>
      <c r="L45" s="76" t="s">
        <v>84</v>
      </c>
      <c r="M45" s="76" t="s">
        <v>85</v>
      </c>
      <c r="N45" s="76" t="s">
        <v>84</v>
      </c>
      <c r="O45" s="76" t="s">
        <v>84</v>
      </c>
      <c r="P45" s="76" t="s">
        <v>84</v>
      </c>
      <c r="Q45" s="77" t="s">
        <v>85</v>
      </c>
      <c r="R45" s="31">
        <v>305</v>
      </c>
      <c r="S45" s="75" t="s">
        <v>93</v>
      </c>
      <c r="T45" s="76" t="s">
        <v>84</v>
      </c>
      <c r="U45" s="76" t="s">
        <v>85</v>
      </c>
      <c r="V45" s="76" t="s">
        <v>84</v>
      </c>
      <c r="W45" s="76" t="s">
        <v>85</v>
      </c>
      <c r="X45" s="76" t="s">
        <v>85</v>
      </c>
      <c r="Y45" s="76" t="s">
        <v>84</v>
      </c>
      <c r="Z45" s="76" t="s">
        <v>85</v>
      </c>
      <c r="AA45" s="76" t="s">
        <v>84</v>
      </c>
      <c r="AB45" s="76" t="s">
        <v>85</v>
      </c>
      <c r="AC45" s="76" t="s">
        <v>84</v>
      </c>
      <c r="AD45" s="76" t="s">
        <v>85</v>
      </c>
      <c r="AE45" s="76" t="s">
        <v>86</v>
      </c>
      <c r="AF45" s="76" t="s">
        <v>86</v>
      </c>
      <c r="AG45" s="76" t="s">
        <v>86</v>
      </c>
      <c r="AH45" s="76" t="s">
        <v>86</v>
      </c>
      <c r="AI45" s="76" t="s">
        <v>86</v>
      </c>
      <c r="AJ45" s="77" t="s">
        <v>86</v>
      </c>
      <c r="AK45" s="31">
        <v>305</v>
      </c>
      <c r="AL45" s="75" t="s">
        <v>93</v>
      </c>
      <c r="AM45" s="76" t="s">
        <v>86</v>
      </c>
      <c r="AN45" s="76" t="s">
        <v>86</v>
      </c>
      <c r="AO45" s="76" t="s">
        <v>86</v>
      </c>
      <c r="AP45" s="76" t="s">
        <v>86</v>
      </c>
      <c r="AQ45" s="78" t="s">
        <v>86</v>
      </c>
      <c r="AR45" s="76" t="s">
        <v>86</v>
      </c>
      <c r="AS45" s="76" t="s">
        <v>86</v>
      </c>
      <c r="AT45" s="76" t="s">
        <v>86</v>
      </c>
      <c r="AU45" s="78" t="s">
        <v>86</v>
      </c>
      <c r="AV45" s="76" t="s">
        <v>86</v>
      </c>
      <c r="AW45" s="76" t="s">
        <v>85</v>
      </c>
      <c r="AX45" s="78" t="s">
        <v>85</v>
      </c>
      <c r="AY45" s="79" t="s">
        <v>85</v>
      </c>
      <c r="AZ45" s="76" t="s">
        <v>84</v>
      </c>
      <c r="BA45" s="80" t="s">
        <v>84</v>
      </c>
      <c r="BB45" s="78" t="s">
        <v>84</v>
      </c>
      <c r="BC45" s="77" t="s">
        <v>85</v>
      </c>
      <c r="BD45" s="31">
        <v>305</v>
      </c>
      <c r="BE45" s="81" t="s">
        <v>93</v>
      </c>
      <c r="BF45" s="78" t="s">
        <v>84</v>
      </c>
      <c r="BG45" s="78" t="s">
        <v>85</v>
      </c>
      <c r="BH45" s="78" t="s">
        <v>84</v>
      </c>
      <c r="BI45" s="77" t="s">
        <v>84</v>
      </c>
    </row>
    <row r="46" spans="1:77" s="9" customFormat="1" ht="13.5" customHeight="1" thickBot="1" x14ac:dyDescent="0.2">
      <c r="A46" s="50">
        <v>306</v>
      </c>
      <c r="B46" s="82" t="s">
        <v>95</v>
      </c>
      <c r="C46" s="83" t="s">
        <v>84</v>
      </c>
      <c r="D46" s="83" t="s">
        <v>85</v>
      </c>
      <c r="E46" s="83" t="s">
        <v>85</v>
      </c>
      <c r="F46" s="83" t="s">
        <v>84</v>
      </c>
      <c r="G46" s="83" t="s">
        <v>84</v>
      </c>
      <c r="H46" s="83" t="s">
        <v>85</v>
      </c>
      <c r="I46" s="83" t="s">
        <v>85</v>
      </c>
      <c r="J46" s="83" t="s">
        <v>85</v>
      </c>
      <c r="K46" s="83" t="s">
        <v>85</v>
      </c>
      <c r="L46" s="83" t="s">
        <v>85</v>
      </c>
      <c r="M46" s="83" t="s">
        <v>84</v>
      </c>
      <c r="N46" s="83" t="s">
        <v>85</v>
      </c>
      <c r="O46" s="83" t="s">
        <v>84</v>
      </c>
      <c r="P46" s="83" t="s">
        <v>84</v>
      </c>
      <c r="Q46" s="84" t="s">
        <v>84</v>
      </c>
      <c r="R46" s="50">
        <v>306</v>
      </c>
      <c r="S46" s="82" t="s">
        <v>94</v>
      </c>
      <c r="T46" s="83" t="s">
        <v>84</v>
      </c>
      <c r="U46" s="83" t="s">
        <v>84</v>
      </c>
      <c r="V46" s="83" t="s">
        <v>85</v>
      </c>
      <c r="W46" s="83" t="s">
        <v>84</v>
      </c>
      <c r="X46" s="83" t="s">
        <v>85</v>
      </c>
      <c r="Y46" s="83" t="s">
        <v>85</v>
      </c>
      <c r="Z46" s="83" t="s">
        <v>84</v>
      </c>
      <c r="AA46" s="83" t="s">
        <v>84</v>
      </c>
      <c r="AB46" s="83" t="s">
        <v>85</v>
      </c>
      <c r="AC46" s="83" t="s">
        <v>84</v>
      </c>
      <c r="AD46" s="83" t="s">
        <v>84</v>
      </c>
      <c r="AE46" s="83" t="s">
        <v>86</v>
      </c>
      <c r="AF46" s="83" t="s">
        <v>86</v>
      </c>
      <c r="AG46" s="83" t="s">
        <v>86</v>
      </c>
      <c r="AH46" s="83" t="s">
        <v>86</v>
      </c>
      <c r="AI46" s="83" t="s">
        <v>86</v>
      </c>
      <c r="AJ46" s="84" t="s">
        <v>86</v>
      </c>
      <c r="AK46" s="50">
        <v>306</v>
      </c>
      <c r="AL46" s="82" t="s">
        <v>95</v>
      </c>
      <c r="AM46" s="83" t="s">
        <v>86</v>
      </c>
      <c r="AN46" s="83" t="s">
        <v>86</v>
      </c>
      <c r="AO46" s="83" t="s">
        <v>86</v>
      </c>
      <c r="AP46" s="83" t="s">
        <v>86</v>
      </c>
      <c r="AQ46" s="85" t="s">
        <v>86</v>
      </c>
      <c r="AR46" s="83" t="s">
        <v>86</v>
      </c>
      <c r="AS46" s="83" t="s">
        <v>86</v>
      </c>
      <c r="AT46" s="83" t="s">
        <v>86</v>
      </c>
      <c r="AU46" s="85" t="s">
        <v>86</v>
      </c>
      <c r="AV46" s="83" t="s">
        <v>86</v>
      </c>
      <c r="AW46" s="83" t="s">
        <v>85</v>
      </c>
      <c r="AX46" s="85" t="s">
        <v>85</v>
      </c>
      <c r="AY46" s="86" t="s">
        <v>84</v>
      </c>
      <c r="AZ46" s="83" t="s">
        <v>84</v>
      </c>
      <c r="BA46" s="87" t="s">
        <v>84</v>
      </c>
      <c r="BB46" s="85" t="s">
        <v>84</v>
      </c>
      <c r="BC46" s="84" t="s">
        <v>85</v>
      </c>
      <c r="BD46" s="50">
        <v>306</v>
      </c>
      <c r="BE46" s="88" t="s">
        <v>94</v>
      </c>
      <c r="BF46" s="85" t="s">
        <v>85</v>
      </c>
      <c r="BG46" s="85" t="s">
        <v>84</v>
      </c>
      <c r="BH46" s="85" t="s">
        <v>84</v>
      </c>
      <c r="BI46" s="84" t="s">
        <v>85</v>
      </c>
      <c r="BJ46" s="89"/>
      <c r="BK46" s="89"/>
      <c r="BL46" s="89"/>
      <c r="BM46" s="89"/>
      <c r="BN46" s="89"/>
      <c r="BO46" s="89"/>
      <c r="BP46" s="90"/>
      <c r="BQ46" s="90"/>
      <c r="BR46" s="90"/>
      <c r="BS46" s="90"/>
      <c r="BT46" s="91"/>
      <c r="BU46" s="91"/>
      <c r="BV46" s="91"/>
      <c r="BW46" s="92"/>
      <c r="BX46" s="91"/>
      <c r="BY46" s="91"/>
    </row>
    <row r="47" spans="1:77" s="110" customFormat="1" ht="13.5" customHeight="1" thickTop="1" thickBot="1" x14ac:dyDescent="0.2">
      <c r="A47" s="202" t="s">
        <v>96</v>
      </c>
      <c r="B47" s="203"/>
      <c r="C47" s="83" t="s">
        <v>84</v>
      </c>
      <c r="D47" s="83" t="s">
        <v>84</v>
      </c>
      <c r="E47" s="83" t="s">
        <v>84</v>
      </c>
      <c r="F47" s="83" t="s">
        <v>84</v>
      </c>
      <c r="G47" s="83" t="s">
        <v>85</v>
      </c>
      <c r="H47" s="83" t="s">
        <v>85</v>
      </c>
      <c r="I47" s="83" t="s">
        <v>84</v>
      </c>
      <c r="J47" s="83" t="s">
        <v>84</v>
      </c>
      <c r="K47" s="83" t="s">
        <v>84</v>
      </c>
      <c r="L47" s="83" t="s">
        <v>84</v>
      </c>
      <c r="M47" s="83" t="s">
        <v>85</v>
      </c>
      <c r="N47" s="83" t="s">
        <v>85</v>
      </c>
      <c r="O47" s="83" t="s">
        <v>85</v>
      </c>
      <c r="P47" s="83" t="s">
        <v>85</v>
      </c>
      <c r="Q47" s="84" t="s">
        <v>84</v>
      </c>
      <c r="R47" s="202" t="s">
        <v>97</v>
      </c>
      <c r="S47" s="203"/>
      <c r="T47" s="83" t="s">
        <v>84</v>
      </c>
      <c r="U47" s="83" t="s">
        <v>85</v>
      </c>
      <c r="V47" s="83" t="s">
        <v>84</v>
      </c>
      <c r="W47" s="83" t="s">
        <v>85</v>
      </c>
      <c r="X47" s="83" t="s">
        <v>84</v>
      </c>
      <c r="Y47" s="83" t="s">
        <v>84</v>
      </c>
      <c r="Z47" s="83" t="s">
        <v>85</v>
      </c>
      <c r="AA47" s="83" t="s">
        <v>84</v>
      </c>
      <c r="AB47" s="83" t="s">
        <v>85</v>
      </c>
      <c r="AC47" s="83" t="s">
        <v>84</v>
      </c>
      <c r="AD47" s="83" t="s">
        <v>84</v>
      </c>
      <c r="AE47" s="83" t="s">
        <v>86</v>
      </c>
      <c r="AF47" s="83" t="s">
        <v>86</v>
      </c>
      <c r="AG47" s="83" t="s">
        <v>86</v>
      </c>
      <c r="AH47" s="83" t="s">
        <v>86</v>
      </c>
      <c r="AI47" s="83" t="s">
        <v>86</v>
      </c>
      <c r="AJ47" s="84" t="s">
        <v>86</v>
      </c>
      <c r="AK47" s="204" t="s">
        <v>97</v>
      </c>
      <c r="AL47" s="205"/>
      <c r="AM47" s="83" t="s">
        <v>86</v>
      </c>
      <c r="AN47" s="83" t="s">
        <v>86</v>
      </c>
      <c r="AO47" s="83" t="s">
        <v>86</v>
      </c>
      <c r="AP47" s="83" t="s">
        <v>86</v>
      </c>
      <c r="AQ47" s="85" t="s">
        <v>86</v>
      </c>
      <c r="AR47" s="83" t="s">
        <v>86</v>
      </c>
      <c r="AS47" s="83" t="s">
        <v>86</v>
      </c>
      <c r="AT47" s="83" t="s">
        <v>86</v>
      </c>
      <c r="AU47" s="85" t="s">
        <v>86</v>
      </c>
      <c r="AV47" s="83" t="s">
        <v>86</v>
      </c>
      <c r="AW47" s="83" t="s">
        <v>85</v>
      </c>
      <c r="AX47" s="85" t="s">
        <v>85</v>
      </c>
      <c r="AY47" s="104" t="s">
        <v>85</v>
      </c>
      <c r="AZ47" s="105" t="s">
        <v>85</v>
      </c>
      <c r="BA47" s="87" t="s">
        <v>84</v>
      </c>
      <c r="BB47" s="85" t="s">
        <v>84</v>
      </c>
      <c r="BC47" s="84" t="s">
        <v>85</v>
      </c>
      <c r="BD47" s="202" t="s">
        <v>96</v>
      </c>
      <c r="BE47" s="212"/>
      <c r="BF47" s="85" t="s">
        <v>84</v>
      </c>
      <c r="BG47" s="85" t="s">
        <v>85</v>
      </c>
      <c r="BH47" s="85" t="s">
        <v>85</v>
      </c>
      <c r="BI47" s="84" t="s">
        <v>85</v>
      </c>
      <c r="BJ47" s="106"/>
      <c r="BK47" s="106"/>
      <c r="BL47" s="106"/>
      <c r="BM47" s="106"/>
      <c r="BN47" s="106"/>
      <c r="BO47" s="106"/>
      <c r="BP47" s="107"/>
      <c r="BQ47" s="107"/>
      <c r="BR47" s="107"/>
      <c r="BS47" s="107"/>
      <c r="BT47" s="108"/>
      <c r="BU47" s="108"/>
      <c r="BV47" s="108"/>
      <c r="BW47" s="109"/>
      <c r="BX47" s="108"/>
      <c r="BY47" s="108"/>
    </row>
    <row r="48" spans="1:77" s="14" customFormat="1" ht="13.5" customHeight="1" thickTop="1" thickBot="1" x14ac:dyDescent="0.2">
      <c r="A48" s="191" t="s">
        <v>98</v>
      </c>
      <c r="B48" s="192"/>
      <c r="C48" s="111">
        <v>7748</v>
      </c>
      <c r="D48" s="111">
        <v>107748</v>
      </c>
      <c r="E48" s="111">
        <v>4665457110</v>
      </c>
      <c r="F48" s="111">
        <v>342201</v>
      </c>
      <c r="G48" s="111">
        <v>539370</v>
      </c>
      <c r="H48" s="111">
        <v>5486643487</v>
      </c>
      <c r="I48" s="111">
        <v>84989</v>
      </c>
      <c r="J48" s="111">
        <v>162172</v>
      </c>
      <c r="K48" s="111">
        <v>1094515225</v>
      </c>
      <c r="L48" s="112">
        <v>434938</v>
      </c>
      <c r="M48" s="112">
        <v>809290</v>
      </c>
      <c r="N48" s="112">
        <v>11246615822</v>
      </c>
      <c r="O48" s="111">
        <v>244413</v>
      </c>
      <c r="P48" s="111">
        <v>292722</v>
      </c>
      <c r="Q48" s="113">
        <v>3069115898</v>
      </c>
      <c r="R48" s="191" t="s">
        <v>99</v>
      </c>
      <c r="S48" s="192"/>
      <c r="T48" s="111">
        <v>7256</v>
      </c>
      <c r="U48" s="111">
        <v>267512</v>
      </c>
      <c r="V48" s="111">
        <v>180127186</v>
      </c>
      <c r="W48" s="111">
        <v>1087</v>
      </c>
      <c r="X48" s="111">
        <v>7277</v>
      </c>
      <c r="Y48" s="111">
        <v>80308080</v>
      </c>
      <c r="Z48" s="112">
        <v>680438</v>
      </c>
      <c r="AA48" s="112">
        <v>14576166986</v>
      </c>
      <c r="AB48" s="111">
        <v>66</v>
      </c>
      <c r="AC48" s="111">
        <v>252</v>
      </c>
      <c r="AD48" s="111">
        <v>6067646</v>
      </c>
      <c r="AE48" s="111">
        <v>316</v>
      </c>
      <c r="AF48" s="111">
        <v>11628124</v>
      </c>
      <c r="AG48" s="111">
        <v>14972</v>
      </c>
      <c r="AH48" s="111">
        <v>116140131</v>
      </c>
      <c r="AI48" s="111">
        <v>1496</v>
      </c>
      <c r="AJ48" s="113">
        <v>47688102</v>
      </c>
      <c r="AK48" s="191" t="s">
        <v>98</v>
      </c>
      <c r="AL48" s="192"/>
      <c r="AM48" s="111">
        <v>924</v>
      </c>
      <c r="AN48" s="111">
        <v>12294135</v>
      </c>
      <c r="AO48" s="111">
        <v>9</v>
      </c>
      <c r="AP48" s="111">
        <v>622410</v>
      </c>
      <c r="AQ48" s="114">
        <v>17969</v>
      </c>
      <c r="AR48" s="111">
        <v>194440548</v>
      </c>
      <c r="AS48" s="111">
        <v>62</v>
      </c>
      <c r="AT48" s="111">
        <v>1836262</v>
      </c>
      <c r="AU48" s="114">
        <v>1</v>
      </c>
      <c r="AV48" s="111">
        <v>39708</v>
      </c>
      <c r="AW48" s="115">
        <v>698474</v>
      </c>
      <c r="AX48" s="116">
        <v>14770647242</v>
      </c>
      <c r="AY48" s="40">
        <v>1</v>
      </c>
      <c r="AZ48" s="117" t="s">
        <v>49</v>
      </c>
      <c r="BA48" s="118">
        <v>10314075121</v>
      </c>
      <c r="BB48" s="119">
        <v>4030175143</v>
      </c>
      <c r="BC48" s="120">
        <v>426396978</v>
      </c>
      <c r="BD48" s="191" t="s">
        <v>98</v>
      </c>
      <c r="BE48" s="193"/>
      <c r="BF48" s="119">
        <v>18185</v>
      </c>
      <c r="BG48" s="119">
        <v>1737523536</v>
      </c>
      <c r="BH48" s="119">
        <v>35</v>
      </c>
      <c r="BI48" s="120">
        <v>1647533</v>
      </c>
    </row>
    <row r="49" spans="3:59" s="14" customFormat="1" ht="11.25" customHeight="1" x14ac:dyDescent="0.15">
      <c r="C49" s="9"/>
      <c r="D49" s="9"/>
      <c r="E49" s="9"/>
      <c r="F49" s="9"/>
      <c r="G49" s="9"/>
      <c r="H49" s="9"/>
      <c r="I49" s="9"/>
      <c r="J49" s="9"/>
      <c r="K49" s="9"/>
      <c r="L49" s="9"/>
      <c r="M49" s="9"/>
      <c r="N49" s="9"/>
      <c r="O49" s="9"/>
      <c r="P49" s="9"/>
      <c r="Q49" s="9"/>
      <c r="S49" s="93" t="s">
        <v>100</v>
      </c>
      <c r="T49" s="9"/>
      <c r="U49" s="9"/>
      <c r="V49" s="9"/>
      <c r="W49" s="9"/>
      <c r="X49" s="9"/>
      <c r="Y49" s="9"/>
      <c r="Z49" s="9"/>
      <c r="AA49" s="9"/>
      <c r="BA49" s="9"/>
      <c r="BB49" s="9"/>
      <c r="BC49" s="9"/>
      <c r="BF49" s="9"/>
      <c r="BG49" s="9"/>
    </row>
    <row r="50" spans="3:59" ht="12.95" customHeight="1" x14ac:dyDescent="0.15">
      <c r="C50" s="9"/>
      <c r="D50" s="9"/>
      <c r="E50" s="9"/>
      <c r="F50" s="9"/>
      <c r="G50" s="9"/>
      <c r="H50" s="9"/>
      <c r="I50" s="9"/>
      <c r="J50" s="9"/>
      <c r="K50" s="9"/>
      <c r="L50" s="9"/>
      <c r="M50" s="9"/>
      <c r="N50" s="9"/>
      <c r="BA50" s="9"/>
      <c r="BB50" s="9"/>
      <c r="BC50" s="9"/>
      <c r="BF50" s="9"/>
      <c r="BG50" s="9"/>
    </row>
    <row r="51" spans="3:59" ht="12.95" customHeight="1" x14ac:dyDescent="0.15">
      <c r="C51" s="9"/>
      <c r="D51" s="9"/>
      <c r="E51" s="9"/>
      <c r="F51" s="9"/>
      <c r="G51" s="9"/>
      <c r="H51" s="9"/>
      <c r="I51" s="9"/>
      <c r="J51" s="9"/>
      <c r="K51" s="9"/>
      <c r="L51" s="9"/>
      <c r="M51" s="9"/>
      <c r="N51" s="9"/>
      <c r="BA51" s="9"/>
      <c r="BB51" s="9"/>
      <c r="BC51" s="9"/>
      <c r="BF51" s="9"/>
      <c r="BG51" s="9"/>
    </row>
    <row r="52" spans="3:59" ht="12.95" customHeight="1" x14ac:dyDescent="0.15">
      <c r="C52" s="9"/>
      <c r="D52" s="9"/>
      <c r="E52" s="9"/>
      <c r="F52" s="9"/>
      <c r="G52" s="9"/>
      <c r="H52" s="9"/>
      <c r="I52" s="9"/>
      <c r="J52" s="9"/>
      <c r="K52" s="9"/>
      <c r="L52" s="9"/>
      <c r="M52" s="9"/>
      <c r="N52" s="9"/>
      <c r="BA52" s="9"/>
      <c r="BB52" s="9"/>
      <c r="BC52" s="9"/>
      <c r="BF52" s="9"/>
      <c r="BG52" s="9"/>
    </row>
    <row r="53" spans="3:59" ht="12.95" customHeight="1" x14ac:dyDescent="0.15">
      <c r="C53" s="9"/>
      <c r="D53" s="9"/>
      <c r="E53" s="9"/>
      <c r="F53" s="9"/>
      <c r="G53" s="9"/>
      <c r="H53" s="9"/>
      <c r="I53" s="9"/>
      <c r="J53" s="9"/>
      <c r="K53" s="9"/>
      <c r="L53" s="9"/>
      <c r="M53" s="9"/>
      <c r="N53" s="9"/>
      <c r="BA53" s="9"/>
      <c r="BB53" s="9"/>
      <c r="BC53" s="9"/>
      <c r="BF53" s="9"/>
      <c r="BG53" s="9"/>
    </row>
    <row r="54" spans="3:59" x14ac:dyDescent="0.15">
      <c r="C54" s="9"/>
      <c r="D54" s="9"/>
      <c r="E54" s="9"/>
      <c r="F54" s="9"/>
      <c r="G54" s="9"/>
      <c r="H54" s="9"/>
      <c r="I54" s="9"/>
      <c r="J54" s="9"/>
      <c r="K54" s="9"/>
      <c r="L54" s="9"/>
      <c r="M54" s="9"/>
      <c r="N54" s="9"/>
      <c r="BA54" s="9"/>
      <c r="BB54" s="9"/>
      <c r="BC54" s="9"/>
      <c r="BF54" s="9"/>
      <c r="BG54" s="9"/>
    </row>
    <row r="55" spans="3:59" x14ac:dyDescent="0.15">
      <c r="C55" s="9"/>
      <c r="D55" s="9"/>
      <c r="E55" s="9"/>
      <c r="F55" s="9"/>
      <c r="G55" s="9"/>
      <c r="H55" s="9"/>
      <c r="I55" s="9"/>
      <c r="J55" s="9"/>
      <c r="K55" s="9"/>
      <c r="L55" s="9"/>
      <c r="M55" s="9"/>
      <c r="N55" s="9"/>
      <c r="BA55" s="9"/>
      <c r="BB55" s="9"/>
      <c r="BC55" s="9"/>
      <c r="BF55" s="9"/>
      <c r="BG55" s="9"/>
    </row>
    <row r="56" spans="3:59" x14ac:dyDescent="0.15">
      <c r="C56" s="9"/>
      <c r="D56" s="9"/>
      <c r="E56" s="9"/>
      <c r="F56" s="9"/>
      <c r="G56" s="9"/>
      <c r="H56" s="9"/>
      <c r="I56" s="9"/>
      <c r="J56" s="9"/>
      <c r="K56" s="9"/>
      <c r="L56" s="9"/>
      <c r="M56" s="9"/>
      <c r="N56" s="9"/>
      <c r="BA56" s="9"/>
      <c r="BB56" s="9"/>
      <c r="BC56" s="9"/>
      <c r="BF56" s="9"/>
      <c r="BG56" s="9"/>
    </row>
    <row r="57" spans="3:59" x14ac:dyDescent="0.15">
      <c r="C57" s="9"/>
      <c r="D57" s="9"/>
      <c r="E57" s="9"/>
      <c r="F57" s="9"/>
      <c r="G57" s="9"/>
      <c r="H57" s="9"/>
      <c r="I57" s="9"/>
      <c r="J57" s="9"/>
      <c r="K57" s="9"/>
      <c r="L57" s="9"/>
      <c r="M57" s="9"/>
      <c r="N57" s="9"/>
      <c r="BA57" s="9"/>
      <c r="BB57" s="9"/>
      <c r="BC57" s="9"/>
      <c r="BF57" s="9"/>
      <c r="BG57" s="9"/>
    </row>
    <row r="58" spans="3:59" x14ac:dyDescent="0.15">
      <c r="C58" s="9"/>
      <c r="D58" s="9"/>
      <c r="E58" s="9"/>
      <c r="F58" s="9"/>
      <c r="G58" s="9"/>
      <c r="H58" s="9"/>
      <c r="I58" s="9"/>
      <c r="J58" s="9"/>
      <c r="K58" s="9"/>
      <c r="L58" s="9"/>
      <c r="M58" s="9"/>
      <c r="N58" s="9"/>
      <c r="BA58" s="9"/>
      <c r="BB58" s="9"/>
      <c r="BC58" s="9"/>
      <c r="BF58" s="9"/>
      <c r="BG58" s="9"/>
    </row>
    <row r="59" spans="3:59" x14ac:dyDescent="0.15">
      <c r="C59" s="9"/>
      <c r="D59" s="9"/>
      <c r="E59" s="9"/>
      <c r="F59" s="9"/>
      <c r="G59" s="9"/>
      <c r="H59" s="9"/>
      <c r="I59" s="9"/>
      <c r="J59" s="9"/>
      <c r="K59" s="9"/>
      <c r="L59" s="9"/>
      <c r="M59" s="9"/>
      <c r="N59" s="9"/>
      <c r="BA59" s="9"/>
      <c r="BB59" s="9"/>
      <c r="BC59" s="9"/>
      <c r="BF59" s="9"/>
      <c r="BG59" s="9"/>
    </row>
    <row r="60" spans="3:59" x14ac:dyDescent="0.15">
      <c r="C60" s="9"/>
      <c r="D60" s="9"/>
      <c r="E60" s="9"/>
      <c r="F60" s="9"/>
      <c r="G60" s="9"/>
      <c r="H60" s="9"/>
      <c r="I60" s="9"/>
      <c r="J60" s="9"/>
      <c r="K60" s="9"/>
      <c r="L60" s="9"/>
      <c r="M60" s="9"/>
      <c r="N60" s="9"/>
      <c r="BA60" s="9"/>
      <c r="BB60" s="9"/>
      <c r="BC60" s="9"/>
      <c r="BF60" s="9"/>
      <c r="BG60" s="9"/>
    </row>
    <row r="61" spans="3:59" x14ac:dyDescent="0.15">
      <c r="BA61" s="9"/>
      <c r="BB61" s="9"/>
      <c r="BC61" s="9"/>
      <c r="BF61" s="9"/>
      <c r="BG61" s="9"/>
    </row>
    <row r="62" spans="3:59" x14ac:dyDescent="0.15">
      <c r="BA62" s="9"/>
      <c r="BB62" s="9"/>
      <c r="BC62" s="9"/>
      <c r="BF62" s="9"/>
      <c r="BG62" s="9"/>
    </row>
    <row r="63" spans="3:59" x14ac:dyDescent="0.15">
      <c r="BA63" s="9"/>
      <c r="BB63" s="9"/>
      <c r="BC63" s="9"/>
      <c r="BF63" s="9"/>
      <c r="BG63" s="9"/>
    </row>
    <row r="64" spans="3:59" x14ac:dyDescent="0.15">
      <c r="BA64" s="9"/>
      <c r="BB64" s="9"/>
      <c r="BC64" s="9"/>
      <c r="BF64" s="9"/>
      <c r="BG64" s="9"/>
    </row>
  </sheetData>
  <mergeCells count="52">
    <mergeCell ref="BD40:BE40"/>
    <mergeCell ref="A47:B47"/>
    <mergeCell ref="R47:S47"/>
    <mergeCell ref="AK47:AL47"/>
    <mergeCell ref="BD47:BE47"/>
    <mergeCell ref="A48:B48"/>
    <mergeCell ref="R48:S48"/>
    <mergeCell ref="AK48:AL48"/>
    <mergeCell ref="BD48:BE48"/>
    <mergeCell ref="AS5:AT5"/>
    <mergeCell ref="BA5:BA6"/>
    <mergeCell ref="BB5:BB6"/>
    <mergeCell ref="BC5:BC6"/>
    <mergeCell ref="A40:B40"/>
    <mergeCell ref="R40:S40"/>
    <mergeCell ref="AK40:AL40"/>
    <mergeCell ref="AE5:AF5"/>
    <mergeCell ref="AG5:AH5"/>
    <mergeCell ref="AI5:AJ5"/>
    <mergeCell ref="AM5:AN5"/>
    <mergeCell ref="AO5:AP5"/>
    <mergeCell ref="AQ5:AR5"/>
    <mergeCell ref="AB4:AB6"/>
    <mergeCell ref="AM4:AT4"/>
    <mergeCell ref="AU4:AV5"/>
    <mergeCell ref="BF4:BG4"/>
    <mergeCell ref="C4:N4"/>
    <mergeCell ref="O4:Q5"/>
    <mergeCell ref="T4:V5"/>
    <mergeCell ref="W4:Y5"/>
    <mergeCell ref="Z4:AA5"/>
    <mergeCell ref="C5:E5"/>
    <mergeCell ref="F5:H5"/>
    <mergeCell ref="I5:K5"/>
    <mergeCell ref="L5:N5"/>
    <mergeCell ref="AC5:AD5"/>
    <mergeCell ref="Q1:Q2"/>
    <mergeCell ref="AJ1:AJ2"/>
    <mergeCell ref="BC1:BC2"/>
    <mergeCell ref="BI1:BI2"/>
    <mergeCell ref="A3:B6"/>
    <mergeCell ref="C3:Q3"/>
    <mergeCell ref="R3:S6"/>
    <mergeCell ref="T3:AA3"/>
    <mergeCell ref="AB3:AJ3"/>
    <mergeCell ref="AK3:AL6"/>
    <mergeCell ref="AM3:AV3"/>
    <mergeCell ref="AW3:AX5"/>
    <mergeCell ref="AY3:AZ6"/>
    <mergeCell ref="BA3:BC4"/>
    <mergeCell ref="BD3:BE6"/>
    <mergeCell ref="BH4:BI4"/>
  </mergeCells>
  <phoneticPr fontId="2"/>
  <pageMargins left="0.7" right="0.7" top="0.75" bottom="0.75" header="0.3" footer="0.3"/>
  <pageSetup paperSize="9" scale="81" orientation="landscape" blackAndWhite="1" r:id="rId1"/>
  <headerFooter alignWithMargins="0"/>
  <colBreaks count="3" manualBreakCount="3">
    <brk id="17" max="1048575" man="1"/>
    <brk id="36" max="48" man="1"/>
    <brk id="55" max="48" man="1"/>
  </col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第16表１～４</vt:lpstr>
      <vt:lpstr>'第16表１～４'!Print_Area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Windows ユーザー</dc:creator>
  <cp:lastModifiedBy>Windows ユーザー</cp:lastModifiedBy>
  <cp:lastPrinted>2018-03-19T02:42:45Z</cp:lastPrinted>
  <dcterms:created xsi:type="dcterms:W3CDTF">2018-03-07T06:04:52Z</dcterms:created>
  <dcterms:modified xsi:type="dcterms:W3CDTF">2018-03-19T02:44:26Z</dcterms:modified>
</cp:coreProperties>
</file>